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917B0" w:rsidRPr="000F65D8" w:rsidRDefault="00F917B0">
      <w:pPr>
        <w:pStyle w:val="ad"/>
        <w:tabs>
          <w:tab w:val="left" w:pos="0"/>
        </w:tabs>
        <w:spacing w:before="0" w:after="0"/>
        <w:jc w:val="center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0F65D8">
        <w:rPr>
          <w:rFonts w:ascii="Times New Roman" w:hAnsi="Times New Roman"/>
          <w:color w:val="000000"/>
          <w:sz w:val="20"/>
          <w:szCs w:val="20"/>
          <w:lang w:val="uk-UA"/>
        </w:rPr>
        <w:t>2016 – Комп</w:t>
      </w:r>
      <w:r w:rsidRPr="000F65D8">
        <w:rPr>
          <w:rFonts w:ascii="Times New Roman" w:hAnsi="Times New Roman"/>
          <w:color w:val="000000"/>
          <w:sz w:val="20"/>
          <w:szCs w:val="20"/>
          <w:lang w:val="en-US"/>
        </w:rPr>
        <w:t>’</w:t>
      </w:r>
      <w:r w:rsidRPr="000F65D8">
        <w:rPr>
          <w:rFonts w:ascii="Times New Roman" w:hAnsi="Times New Roman"/>
          <w:color w:val="000000"/>
          <w:sz w:val="20"/>
          <w:szCs w:val="20"/>
          <w:lang w:val="uk-UA"/>
        </w:rPr>
        <w:t>ютерна інженерія</w:t>
      </w:r>
    </w:p>
    <w:p w:rsidR="00F917B0" w:rsidRDefault="00F917B0">
      <w:pPr>
        <w:pStyle w:val="ad"/>
        <w:tabs>
          <w:tab w:val="left" w:pos="0"/>
        </w:tabs>
        <w:spacing w:before="0" w:after="0"/>
        <w:jc w:val="center"/>
        <w:rPr>
          <w:rFonts w:ascii="Times New Roman" w:hAnsi="Times New Roman"/>
          <w:color w:val="000000"/>
          <w:sz w:val="20"/>
          <w:szCs w:val="20"/>
          <w:lang w:val="uk-UA"/>
        </w:rPr>
      </w:pPr>
    </w:p>
    <w:p w:rsidR="001E1A2C" w:rsidRDefault="00B1761E">
      <w:pPr>
        <w:pStyle w:val="ad"/>
        <w:tabs>
          <w:tab w:val="left" w:pos="0"/>
        </w:tabs>
        <w:spacing w:before="0" w:after="0"/>
        <w:jc w:val="center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истемне програмне забезпеченн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MBR ц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</w:pPr>
      <w:r>
        <w:rPr>
          <w:rFonts w:ascii="Times New Roman" w:hAnsi="Times New Roman"/>
          <w:color w:val="000000"/>
          <w:lang w:val="en-US"/>
        </w:rPr>
        <w:t xml:space="preserve">       </w:t>
      </w:r>
      <w:r>
        <w:rPr>
          <w:rFonts w:ascii="Times New Roman" w:hAnsi="Times New Roman"/>
          <w:color w:val="000000"/>
          <w:lang w:val="ru-RU"/>
        </w:rPr>
        <w:t>+</w:t>
      </w:r>
      <w:r>
        <w:rPr>
          <w:rFonts w:ascii="Times New Roman" w:hAnsi="Times New Roman"/>
          <w:color w:val="000000"/>
          <w:lang w:val="uk-UA"/>
        </w:rPr>
        <w:t>інша відповідь</w:t>
      </w:r>
    </w:p>
    <w:p w:rsidR="001E1A2C" w:rsidRDefault="00B1761E">
      <w:pPr>
        <w:pStyle w:val="ad"/>
        <w:numPr>
          <w:ilvl w:val="0"/>
          <w:numId w:val="11"/>
        </w:numPr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На ПК спочатку встановлена ОС типу Windows XP, потім встановлено ОС типу Windows 98. За цієї ситуації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вантажуватиметься лише ОС типу Windows 98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На початку процесу установки ОС типу Windows XP затискання клавіші F5 дає можливість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пуску діалогу вибору ядра установки ОС типу Windows XP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е з перерахованого програмного забезпечення не дозволяє виконати форматування жорсткого диску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MBR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Кількість основних розділів обмежена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кількістю записів в MBR-област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 MBR відсутній компонент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меню завантажника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е максимальне число активних розділів для жорсткого диск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е максимальне число розширених розділів на жорсткому диск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1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способів інсталяції ОС типу Windows XP є неможливим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оняття MS-DOS ц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операційна система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ОС типу Windows XP не підтримує файлову систему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ОС типу Windows 98 підтримує файлові системи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ОС типу Windows 98 не підтримує файлові системи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FAT8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завантаження двох ОС типу Windows XP та Windows 98 необхідною є почерговість їх установки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спочатку ОС типу Windows 98, потім ОС типу Windows XP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Кожне наступне переустановлення ОС типу Windows XP буд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Файлова система типу FAT32 має властивість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FAT32 ц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</w:t>
      </w:r>
      <w:r>
        <w:rPr>
          <w:rFonts w:ascii="Times New Roman" w:hAnsi="Times New Roman"/>
          <w:color w:val="000000"/>
          <w:lang w:val="en-US"/>
        </w:rPr>
        <w:t>F</w:t>
      </w:r>
      <w:r>
        <w:rPr>
          <w:rFonts w:ascii="Times New Roman" w:hAnsi="Times New Roman"/>
          <w:color w:val="000000"/>
          <w:lang w:val="uk-UA"/>
        </w:rPr>
        <w:t xml:space="preserve">ile </w:t>
      </w:r>
      <w:r>
        <w:rPr>
          <w:rFonts w:ascii="Times New Roman" w:hAnsi="Times New Roman"/>
          <w:color w:val="000000"/>
          <w:lang w:val="en-US"/>
        </w:rPr>
        <w:t>A</w:t>
      </w:r>
      <w:r>
        <w:rPr>
          <w:rFonts w:ascii="Times New Roman" w:hAnsi="Times New Roman"/>
          <w:color w:val="000000"/>
          <w:lang w:val="uk-UA"/>
        </w:rPr>
        <w:t xml:space="preserve">llocation </w:t>
      </w:r>
      <w:r>
        <w:rPr>
          <w:rFonts w:ascii="Times New Roman" w:hAnsi="Times New Roman"/>
          <w:color w:val="000000"/>
          <w:lang w:val="en-US"/>
        </w:rPr>
        <w:t>T</w:t>
      </w:r>
      <w:r>
        <w:rPr>
          <w:rFonts w:ascii="Times New Roman" w:hAnsi="Times New Roman"/>
          <w:color w:val="000000"/>
          <w:lang w:val="uk-UA"/>
        </w:rPr>
        <w:t>able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Шлях запуску інсталяції ОС типу Windows XP з жорсткого диску (за умови зберінання файлів дистрибутиву на розділі D:\install\WinXP) 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D:\install\WinXP\i386\winnt.exe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успішної установки та наступного завантаження ОС типу WindowsXP 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еобхідність активності одного з розділів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NTFS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 xml:space="preserve">+New </w:t>
      </w:r>
      <w:r>
        <w:rPr>
          <w:rFonts w:ascii="Times New Roman" w:hAnsi="Times New Roman"/>
          <w:color w:val="000000"/>
          <w:lang w:val="en-US"/>
        </w:rPr>
        <w:t>T</w:t>
      </w:r>
      <w:r>
        <w:rPr>
          <w:rFonts w:ascii="Times New Roman" w:hAnsi="Times New Roman"/>
          <w:color w:val="000000"/>
          <w:lang w:val="uk-UA"/>
        </w:rPr>
        <w:t xml:space="preserve">echnology </w:t>
      </w:r>
      <w:r>
        <w:rPr>
          <w:rFonts w:ascii="Times New Roman" w:hAnsi="Times New Roman"/>
          <w:color w:val="000000"/>
          <w:lang w:val="en-US"/>
        </w:rPr>
        <w:t>F</w:t>
      </w:r>
      <w:r>
        <w:rPr>
          <w:rFonts w:ascii="Times New Roman" w:hAnsi="Times New Roman"/>
          <w:color w:val="000000"/>
          <w:lang w:val="uk-UA"/>
        </w:rPr>
        <w:t xml:space="preserve">ile </w:t>
      </w:r>
      <w:r>
        <w:rPr>
          <w:rFonts w:ascii="Times New Roman" w:hAnsi="Times New Roman"/>
          <w:color w:val="000000"/>
          <w:lang w:val="en-US"/>
        </w:rPr>
        <w:t>S</w:t>
      </w:r>
      <w:r>
        <w:rPr>
          <w:rFonts w:ascii="Times New Roman" w:hAnsi="Times New Roman"/>
          <w:color w:val="000000"/>
          <w:lang w:val="uk-UA"/>
        </w:rPr>
        <w:t>ystem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Файлова система FAT 16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має обмеження на розмір файлів до 2 Гб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Операційна система типу Windows98 є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32-розрядна ОС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ОС типу Windows XP розміщує свій завантажник у:</w:t>
      </w:r>
    </w:p>
    <w:p w:rsidR="001E1A2C" w:rsidRDefault="00B1761E">
      <w:pPr>
        <w:pStyle w:val="ad"/>
        <w:tabs>
          <w:tab w:val="left" w:pos="0"/>
        </w:tabs>
        <w:spacing w:before="0" w:after="0"/>
        <w:ind w:left="720"/>
        <w:rPr>
          <w:rFonts w:ascii="Times New Roman" w:hAnsi="Times New Roman"/>
          <w:b w:val="0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b w:val="0"/>
          <w:color w:val="000000"/>
          <w:sz w:val="20"/>
          <w:szCs w:val="2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очаткові дані: розділ С:\ - NTFS (активний); D:\ - FAT32; E:\ - FAT32. Спочатку встановлено ОС типу Windows98 на розділ D:\, потім встановлено ОС типу WindowsXP  на розділ С:\. В даній ситуації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вантажиться лише ОС типу WindowsXP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очаткові дані: розділ С:\ - NTFS; D:\ - FAT32 (активний); E:\ - NTFS. Спочатку встановлено ОС типу Windows XP на розділ E:\, потім встановлено ОС типу Windows98 на розділ D:\. В даній ситуації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вантажиться лише ОС типу Windows98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редагування (створення) меню завантаження двох ОС типу Windows XP i Windows98 ведуть роботу з файлом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Початкові дані: розділ С:\ - FAT32; D:\ - NTFS (активний); E:\ - FAT32. Чи можна встановити спочатку на розділ E:\ ОС типу Windows 98, потім встановити ОС типу WindowsXP на розділ C:\ 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можна лише ОС типу WindowsXP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очаткові дані: розділ С:\ - FAT32; D:\ - NTFS (активний); E:\ - FAT32. Чи можна встановити спочатку на розділ C:\ ОС типу Windows XP, потім встановити ОС типу Windows98 на розділ E:\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можна лише ОС типу WindowsXP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 чому полягає різниця між викликом з поточного командного файлу іншого командного файлу через команду "call" і без неї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ри виклику за допомогою команди "call" виконується другий командний файл, а потім керування повертається першому файлу і він продовжує своє виконанн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У якому із варіантів правильно виконано об*єднання рядків A=first та B=second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echo %A%%B%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модифікатор «@»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риховує виведення команди на екран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результат видасть командний файл із наступним вмістом «if %1==1 echo yes else echo no», якщо  при його виклику параметру %1 не буде надано значенн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результат видасть командний файл із наступним вмістом «if '%1'=='1' echo yes else echo no», якщо  при його виклику параметру %1 не буде надано значенн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буде виведено «no»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У якому із варіантів буде виведено значення змінної A=first на екра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echo %A%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У якому із варіантів буде здійснюватись виведення вмісту файла на екра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copy TEST.с con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м буде результат команди «echo %A%+%B%», якщо змінна А=3, змінна В=5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   3+5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У якому із варіантів вірно записана операція додавання значень двох змінних (змінна А має значення "2", а змінна В – значення "5", результат розміщується в змінну С) 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дозволяє задавати значення змінних користувача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set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дозволяє задавати значення змінних оточенн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set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дозволяє проводити арифметичні обчисленн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set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видаляє всі файли в імені яких передостаннім символом є літера "а"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del *a?.*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видаляє всі файли в імені яких другим символом є літера "а"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del ?a*.*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видаляє всі файли в імені яких міститься літера "а"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del *a*.*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команда call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ередає керування іншому виконуваному файл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кільки параметрів, що заміщаються, дозволяє вводити команда shift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формат запису команди for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for змінна IN (параметр1 параметр2 … параметрN) DO команда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команда goto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команда echo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дозволяє виводити повідомлення на екра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команда rem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дозволяє вводити коментарі в командний файл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дії виконує команда pause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ризупиняє виконання командного файлу до натиснення будь-якої клавіш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призупиняє виконання командного файл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нижченаведених команд виводить вміст файлу на екра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lastRenderedPageBreak/>
        <w:t>+copy file.txt con: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кільки існує параметрів, що заміщаютьс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10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кільки параметрів, що заміщаються, доступні для використання в тілі командного файл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9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а допомогою якого символу позначається параметр, що заміщується у ОС MS DOS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%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наведених символів позначає конвеєр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  |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Що із нижченаведеного належить до символів, що заміщаються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специфікаторів команди if призначений для порівняння двох рядкових величи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==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команд призначена для передачі керування в задану точк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специфікаторів команди if призначений для перевірки наявності файлу чи каталогу із заданим іменем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exist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У якому із наведених варіантів відбувається створення нового файлу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copy con: sample.bat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чого призначена команда set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для встановлення значення змінним оточенням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із команд працює із параметрами файлів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attrib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араметр, що заміщується, - це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символьна зміна, розташована в командному файл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специфікаторів команди if призначений для перевірки результату виконання попередньої команди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errorlevel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ий із специфікаторів команди if призначений для порівняння двох числових величин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а команда дозволяє викликати із поточного командного файлу інший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call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чого призначені стратегії виділення оперативної пам’яті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блоків пам’яті додаткам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Та чи інша стратегія виділення оперативної пам’яті реалізується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менеджером пам’яті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13К та операційна система реалізує стратегію найбільш придатний? На попередньому етапі було виділено 3-й блок. Розподіл пам’яті представлено на рисунку.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1510561" cy="1191243"/>
            <wp:effectExtent l="0" t="0" r="0" b="8907"/>
            <wp:docPr id="1" name="Графический объект1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1510561" cy="1191243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8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35К та операційна система реалізує стратегію найменш придатний? На попередньому етапі було виділено 3-й блок. Розподіл пам’яті представлено на рисунку.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1502276" cy="1330918"/>
            <wp:effectExtent l="0" t="0" r="2674" b="2582"/>
            <wp:docPr id="2" name="Графический объект2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1502276" cy="1330918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lastRenderedPageBreak/>
        <w:t>+інша відповідь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35К та операційна система реалізує стратегію випадкового блоку? На попередньому етапі було виділено 3-й блок. Розподіл пам’яті представлено на рисунку.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1566001" cy="1637635"/>
            <wp:effectExtent l="0" t="0" r="0" b="665"/>
            <wp:docPr id="3" name="Графический объект3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7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1566001" cy="163763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  6 або 10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виділення оперативної пам’яті перший придатний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пам’яті з першого вільного блоку, який за розміром більший або рівний замовленом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виділення оперативної пам’яті другий придатний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пам’яті з першого вільного блоку, який слідує за попередньо виділеним і за розміром більший або рівний замовленом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виділення оперативної пам’яті найбільш придатний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пам’яті з найменшого вільного блоку, який за розміром більший або рівний замовленом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виділення оперативної пам’яті найменш придатний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пам’яті з вільного блоку найбільшого розміру, який за розміром більший або рівний замовленом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ипадкова стратегія виділення оперативної пам’яті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неіснуючу стратегію виділення оперативної пам’яті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неіснуючу стратегію виділення оперативної пам’яті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оптимальний придатний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яку стратегію використано при виділенні ОП, Якщо відомо, що був виділений 3-й блок і карта пам’яті стала такого вигляду: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923397" cy="1556994"/>
            <wp:effectExtent l="0" t="0" r="0" b="5106"/>
            <wp:docPr id="4" name="Графический объект4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8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923397" cy="1556994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ерший придатний або випадкова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яку стратегію використано при виділенні ОП, Якщо відомо, що був виділений 8-й блок і карта пам’яті стала такого вигляду: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867235" cy="1546917"/>
            <wp:effectExtent l="0" t="0" r="9065" b="0"/>
            <wp:docPr id="5" name="Графический объект5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9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867235" cy="1546917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айменш придатний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Вкажіть яку стратегію використано при виділенні ОП, Якщо відомо, що був виділений 8-й блок і карта пам’яті стала такого вигляду:</w:t>
      </w:r>
    </w:p>
    <w:p w:rsidR="001E1A2C" w:rsidRDefault="00B1761E">
      <w:pPr>
        <w:pStyle w:val="ad"/>
        <w:tabs>
          <w:tab w:val="left" w:pos="-720"/>
        </w:tabs>
        <w:spacing w:before="0" w:after="0"/>
        <w:ind w:left="720"/>
      </w:pP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907560" cy="1713960"/>
            <wp:effectExtent l="0" t="0" r="6840" b="540"/>
            <wp:docPr id="6" name="Графический объект6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0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907560" cy="1713960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айбільш придатний</w:t>
      </w:r>
    </w:p>
    <w:p w:rsidR="001E1A2C" w:rsidRPr="00135877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lang w:val="ru-RU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яку стратегію використано при виділенні ОП, Якщо відомо, що був виділений 5-й блок і карта пам’яті стала такого вигляду:</w:t>
      </w:r>
      <w:r>
        <w:rPr>
          <w:rFonts w:ascii="Times New Roman" w:hAnsi="Times New Roman"/>
          <w:color w:val="000000"/>
          <w:sz w:val="20"/>
          <w:szCs w:val="20"/>
          <w:lang w:val="ru-RU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>
            <wp:extent cx="923397" cy="1730876"/>
            <wp:effectExtent l="0" t="0" r="0" b="2674"/>
            <wp:docPr id="7" name="Графический объект7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"/>
                    <pic:cNvPicPr/>
                  </pic:nvPicPr>
                  <pic:blipFill>
                    <a:blip r:embed="rId11">
                      <a:lum bright="-50000"/>
                      <a:alphaModFix/>
                    </a:blip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923397" cy="1730876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>
                      <a:noFill/>
                      <a:prstDash/>
                    </a:ln>
                  </pic:spPr>
                </pic:pic>
              </a:graphicData>
            </a:graphic>
          </wp:inline>
        </w:drawing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перший придатний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айпростіша в реалізації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другий придатний</w:t>
      </w:r>
    </w:p>
    <w:p w:rsidR="001E1A2C" w:rsidRDefault="00B1761E">
      <w:pPr>
        <w:pStyle w:val="a0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найбільш придатний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лишає досить малі блоки, які в подальшому майже не використовуютьс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ратегія найменш придатний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е залишає великих блоків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ипадкова стратегія виділення ОП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Для чого призначена таблиця сторінок?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берігання інформації про розміщення сторінок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іртуальна адреса складається з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номера сторінки та зміщення в межах сторінки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Сторінка ц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область неперервної пам’яті фіксованого розмір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Механізм віртуальної пам’яті призначений для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більшення обсягу пам’яті, доступної процесам, та її розмежування між різними процесами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ри використанні механізму віртуальної пам’яті обсяг доступної процесам пам’яті збільшується за рахунок використання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овнішньої пам’ят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Механізм віртуальної пам’яті призводить до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агального зменшення продуктивності комп’ютерної системи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Механізм віртуальної пам’яті вимагає наявності підтримки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апаратної та на рівні ядра ОС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Апаратний блок керування віртуальною пам’яттю розташований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 процесор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ідкачку сторінок з зовнішньої пам’яті викону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операційна система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Рядок таблиці сторінок віртуальної пам’яті не містить параметр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Номер сторінкового блоку в рядку таблиці сторінок віртуальної пам’яті призначений для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значення зміщення сторінки в межах оперативної пам’ят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Біт присутній/відсутній в рядку таблиці сторінок віртуальної пам’яті встановлюється в «1» якщо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сторінка присутня в оперативній пам’яті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Біт зміна в рядку таблиці сторінок віртуальної пам’яті встановлюється в «1» якщо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Біт звертання в рядку таблиці сторінок віртуальної пам’яті встановлюється в «1» якщо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до сторінки було звертання протягом останнього часу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оле захисту в рядку таблиці сторінок віртуальної пам’яті призначене для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берігання можливості читання, зміни та виконання вмісту сторінки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Буфер швидкого перетворення адрес TLB не призначений для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передбачення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до якої найдовше не буде звертан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Least Recently Used (LRU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що найдовше не використовувалас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Most Recently Used (MRU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до якої було останнє звертанн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Least Frequently Used (LFU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звертання до якої відбуваються рідше всього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First In First Out (FIFO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що була найраніше завантажена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"Друга спроба" (модифікація FIFO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що була найраніше завантажена, та зараз не використовуєтьс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Random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брана випадковим чином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Згідно алгоритму Most Frequently Used (MFU) буде виштовхнута сторінка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що найчастіше використовуєтьс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ланувальник процесів це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частина операційної системи, що керує порядком виконання процесів;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з стратегій передбачають переривання процесу при надходженні сигналу апаратного переривання? Вкажіть найбільш повний варіант відповід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перериваючі та неперериваючі стратегії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з стратегій передбачають переривання процесу при переході в стан готовності процесу з вищим пріоритетом? Вкажіть найбільш повний варіант відповід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тільки перериваючі стратегії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з стратегій не передбачають переривання процесу при надходженні виключення? Вкажіть найбільш повний варіант відповід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жодна стратегі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з стратегій передбачають очікування завершення процесу при надходженні сигналу апаратного переривання? Вкажіть найбільш повний варіант відповід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жодна стратегія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Які з стратегій передбачають очікування завершення процесу при переході в стан готовності процесу з вищим пріоритетом? Вкажіть найбільш повний варіант відповід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тільки неперериваючі стратегії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Вкажіть стани виконання процесу в багатопроцесній системі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блокування, виконання, готовність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Кругове планування RR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виділення рівних квантів часу процесам, що виконуються циклічно без пріоритетів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ріоритетне планування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72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створення черги, з якої на виконання вибирається процес з найвищим пріоритетом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ланування з декількома чергами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створення декількох черг, для кожної з яких виділяються різні кванти часу (перша  - один, друга – 2, третя - 4)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Планування SRT передбачає:</w:t>
      </w:r>
    </w:p>
    <w:p w:rsidR="001E1A2C" w:rsidRPr="00135877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  <w:rPr>
          <w:lang w:val="ru-RU"/>
        </w:rPr>
      </w:pPr>
      <w:r>
        <w:rPr>
          <w:rFonts w:ascii="Times New Roman" w:hAnsi="Times New Roman"/>
          <w:color w:val="000000"/>
          <w:lang w:val="ru-RU"/>
        </w:rPr>
        <w:t xml:space="preserve">       </w:t>
      </w:r>
      <w:r>
        <w:rPr>
          <w:rFonts w:ascii="Times New Roman" w:hAnsi="Times New Roman"/>
          <w:color w:val="000000"/>
          <w:lang w:val="uk-UA"/>
        </w:rPr>
        <w:t>+виконання процесу, час завершення якого мінімальний</w:t>
      </w:r>
    </w:p>
    <w:p w:rsidR="001E1A2C" w:rsidRDefault="00B1761E">
      <w:pPr>
        <w:pStyle w:val="ad"/>
        <w:numPr>
          <w:ilvl w:val="0"/>
          <w:numId w:val="11"/>
        </w:numPr>
        <w:tabs>
          <w:tab w:val="left" w:pos="-1440"/>
        </w:tabs>
        <w:spacing w:before="0" w:after="0"/>
        <w:rPr>
          <w:rFonts w:ascii="Times New Roman" w:hAnsi="Times New Roman"/>
          <w:color w:val="000000"/>
          <w:sz w:val="20"/>
          <w:szCs w:val="20"/>
          <w:lang w:val="uk-UA"/>
        </w:rPr>
      </w:pPr>
      <w:r>
        <w:rPr>
          <w:rFonts w:ascii="Times New Roman" w:hAnsi="Times New Roman"/>
          <w:color w:val="000000"/>
          <w:sz w:val="20"/>
          <w:szCs w:val="20"/>
          <w:lang w:val="uk-UA"/>
        </w:rPr>
        <w:t>Безпріоритетне планування передбачає:</w:t>
      </w:r>
    </w:p>
    <w:p w:rsidR="001E1A2C" w:rsidRDefault="00B1761E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en-US"/>
        </w:rPr>
        <w:t xml:space="preserve">       </w:t>
      </w:r>
      <w:r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найбільш придатний? На попередньому етапі було виділено 3-й блок. Розподіл пам’яті представлено на 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7A76531B" wp14:editId="285F3A95">
            <wp:extent cx="1548765" cy="1935480"/>
            <wp:effectExtent l="19050" t="0" r="0" b="0"/>
            <wp:docPr id="8" name="Рисунок 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48765" cy="1935480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4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18К та операційна система реалізує стратегію найменш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68571EB3" wp14:editId="7141982F">
            <wp:extent cx="1548765" cy="1935480"/>
            <wp:effectExtent l="19050" t="0" r="0" b="0"/>
            <wp:docPr id="9" name="Рисунок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48765" cy="1935480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18К та операційна система реалізує стратегію перший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7C783723" wp14:editId="2AE8217E">
            <wp:extent cx="1635125" cy="2049145"/>
            <wp:effectExtent l="19050" t="0" r="3175" b="0"/>
            <wp:docPr id="10" name="Рисунок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35125" cy="204914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2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2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З якого блоку буде виділено пам’ять процесу, якщо він вимагає 18К та операційна система реалізує стратегію другий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2659A848" wp14:editId="58998CE6">
            <wp:extent cx="1615440" cy="2022475"/>
            <wp:effectExtent l="19050" t="0" r="3810" b="0"/>
            <wp:docPr id="11" name="Рисунок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615440" cy="202247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4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18К та операційна система реалізує стратегію випадкового блоку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15BF3CFB" wp14:editId="64933276">
            <wp:extent cx="1588770" cy="1988820"/>
            <wp:effectExtent l="19050" t="0" r="0" b="0"/>
            <wp:docPr id="12" name="Рисунок 1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88770" cy="1988820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23К та операційна система реалізує стратегію найбільш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7E03CB6E" wp14:editId="72A030BF">
            <wp:extent cx="1535430" cy="1922145"/>
            <wp:effectExtent l="19050" t="0" r="7620" b="0"/>
            <wp:docPr id="13" name="Рисунок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35430" cy="192214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5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2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найменш придатний? На попередньому етапі було виділено 3-й блок. Розподіл пам’яті представлено на 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067AFDE9" wp14:editId="376B8420">
            <wp:extent cx="1568450" cy="1962150"/>
            <wp:effectExtent l="19050" t="0" r="0" b="0"/>
            <wp:docPr id="14" name="Рисунок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68450" cy="1962150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1"/>
        <w:numPr>
          <w:ilvl w:val="0"/>
          <w:numId w:val="16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23К та операційна система реалізує стратегію перший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32B8871C" wp14:editId="6C23FB96">
            <wp:extent cx="1508125" cy="1889125"/>
            <wp:effectExtent l="19050" t="0" r="0" b="0"/>
            <wp:docPr id="15" name="Рисунок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08125" cy="188912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5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2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З якого блоку буде виділено пам’ять процесу, якщо він вимагає 23К та операційна система реалізує стратегію другий придатний? На попередньому етапі було виділено 3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3B778F18" wp14:editId="74B9713E">
            <wp:extent cx="1475105" cy="1842135"/>
            <wp:effectExtent l="19050" t="0" r="0" b="0"/>
            <wp:docPr id="16" name="Рисунок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75105" cy="184213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1"/>
        <w:numPr>
          <w:ilvl w:val="0"/>
          <w:numId w:val="16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випадкового блоку? На попередньому етапі було виділено 3-й блок. Розподіл пам’яті представлено на 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093A5C73" wp14:editId="1EF9643F">
            <wp:extent cx="1468120" cy="1835785"/>
            <wp:effectExtent l="19050" t="0" r="0" b="0"/>
            <wp:docPr id="17" name="Рисунок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/>
                    <pic:cNvPicPr>
                      <a:picLocks noChangeAspect="1" noChangeArrowheads="1"/>
                    </pic:cNvPicPr>
                  </pic:nvPicPr>
                  <pic:blipFill>
                    <a:blip r:embed="rId7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68120" cy="1835785"/>
                    </a:xfrm>
                    <a:prstGeom prst="rect">
                      <a:avLst/>
                    </a:prstGeom>
                    <a:solidFill>
                      <a:srgbClr val="FFFFFF"/>
                    </a:solidFill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 w:rsidRPr="00267C9A">
        <w:rPr>
          <w:rFonts w:ascii="Times New Roman" w:hAnsi="Times New Roman"/>
          <w:color w:val="000000"/>
          <w:lang w:val="uk-UA"/>
        </w:rPr>
        <w:t>+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найбільш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60878EC4" wp14:editId="4B7CD2CA">
            <wp:extent cx="1521460" cy="1908810"/>
            <wp:effectExtent l="19050" t="0" r="2540" b="0"/>
            <wp:docPr id="18" name="Рисунок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21460" cy="190881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найменш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0EAF6434" wp14:editId="79A3EA0A">
            <wp:extent cx="1388110" cy="1735455"/>
            <wp:effectExtent l="19050" t="0" r="2540" b="0"/>
            <wp:docPr id="19" name="Рисунок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88110" cy="173545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перший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-й блок. Розподіл пам’яті представлено на 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205688F5" wp14:editId="32D0D447">
            <wp:extent cx="1441450" cy="1808480"/>
            <wp:effectExtent l="19050" t="0" r="6350" b="0"/>
            <wp:docPr id="20" name="Рисунок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41450" cy="180848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другий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106C8741" wp14:editId="2E8D8BD3">
            <wp:extent cx="1595120" cy="1995805"/>
            <wp:effectExtent l="19050" t="0" r="5080" b="0"/>
            <wp:docPr id="21" name="Рисунок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595120" cy="19958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18К та операційна система реалізує стратегію випадкового блоку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0739F4DF" wp14:editId="5573D2F8">
            <wp:extent cx="1454785" cy="1821815"/>
            <wp:effectExtent l="19050" t="0" r="0" b="0"/>
            <wp:docPr id="22" name="Рисунок 2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4785" cy="18218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4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найбільш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-й блок. Розподіл пам’яті представлено на 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57716AA1" wp14:editId="351489F7">
            <wp:extent cx="1374775" cy="1722120"/>
            <wp:effectExtent l="19050" t="0" r="0" b="0"/>
            <wp:docPr id="23" name="Рисунок 2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74775" cy="172212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найменш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6FFD9CA6" wp14:editId="6F6F76ED">
            <wp:extent cx="1454785" cy="1821815"/>
            <wp:effectExtent l="19050" t="0" r="0" b="0"/>
            <wp:docPr id="24" name="Рисунок 2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54785" cy="18218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перший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22324E39" wp14:editId="7EEF9860">
            <wp:extent cx="1475105" cy="1849120"/>
            <wp:effectExtent l="19050" t="0" r="0" b="0"/>
            <wp:docPr id="25" name="Рисунок 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75105" cy="184912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 xml:space="preserve">З якого блоку буде виділено пам’ять процесу, якщо він вимагає 23К та операційна система реалізує стратегію другий придатний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48B59981" wp14:editId="79CEC2CD">
            <wp:extent cx="1475105" cy="1849120"/>
            <wp:effectExtent l="19050" t="0" r="0" b="0"/>
            <wp:docPr id="26" name="Рисунок 2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475105" cy="184912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З якого блоку буде виділено пам’ять процесу, якщо він вимагає 23К та операційна система реалізує стратегію випадкового блоку? На попередньому етапі було виділено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. Розподіл пам’яті представлено на рисунку.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0C14239E" wp14:editId="7BA722A9">
            <wp:extent cx="1388110" cy="1741805"/>
            <wp:effectExtent l="19050" t="0" r="2540" b="0"/>
            <wp:docPr id="27" name="Рисунок 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/>
                    <pic:cNvPicPr>
                      <a:picLocks noChangeAspect="1" noChangeArrowheads="1"/>
                    </pic:cNvPicPr>
                  </pic:nvPicPr>
                  <pic:blipFill>
                    <a:blip r:embed="rId1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88110" cy="174180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7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Вкажіть яку стратегію використано при виділенні ОП, якщо відомо, що був виділений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8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 і карта пам’яті стала такого вигляду: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55E9AB6C" wp14:editId="00623C29">
            <wp:extent cx="1068070" cy="2409190"/>
            <wp:effectExtent l="19050" t="0" r="0" b="0"/>
            <wp:docPr id="28" name="Рисунок 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/>
                    <pic:cNvPicPr>
                      <a:picLocks noChangeAspect="1" noChangeArrowheads="1"/>
                    </pic:cNvPicPr>
                  </pic:nvPicPr>
                  <pic:blipFill>
                    <a:blip r:embed="rId1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8070" cy="240919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найбільш придатний або випадкова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Вкажіть яку стратегію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 xml:space="preserve"> використано при виділенні ОП, я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кщо відомо, що був виділений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6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 і карта пам’яті стала такого вигляду: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53AA8FEA" wp14:editId="515FE57E">
            <wp:extent cx="1068070" cy="2342515"/>
            <wp:effectExtent l="19050" t="0" r="0" b="0"/>
            <wp:docPr id="29" name="Рисунок 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8070" cy="23425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Default="002F2A67" w:rsidP="00B1761E">
      <w:pPr>
        <w:pStyle w:val="a0"/>
        <w:numPr>
          <w:ilvl w:val="0"/>
          <w:numId w:val="17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Вкажіть яку стратегію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 xml:space="preserve"> використано при виділенні ОП, я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кщо відомо, що був виділений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7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 і карта пам’яті стала такого вигляду: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66F3E0B2" wp14:editId="35000945">
            <wp:extent cx="1068070" cy="2342515"/>
            <wp:effectExtent l="19050" t="0" r="0" b="0"/>
            <wp:docPr id="30" name="Рисунок 3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8070" cy="23425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7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Вкажіть яку стратегію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 xml:space="preserve"> використано при виділенні ОП, я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кщо відомо, що був виділений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6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 і карта пам’яті стала такого вигляду: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5D707887" wp14:editId="3ECCB26D">
            <wp:extent cx="1068070" cy="2342515"/>
            <wp:effectExtent l="19050" t="0" r="0" b="0"/>
            <wp:docPr id="31" name="Рисунок 3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4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8070" cy="23425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Default="002F2A67" w:rsidP="00B1761E">
      <w:pPr>
        <w:pStyle w:val="a0"/>
        <w:numPr>
          <w:ilvl w:val="0"/>
          <w:numId w:val="17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інша відповідь</w:t>
      </w:r>
    </w:p>
    <w:p w:rsidR="002F2A67" w:rsidRPr="00267C9A" w:rsidRDefault="002F2A67" w:rsidP="002F2A67">
      <w:pPr>
        <w:pStyle w:val="ad"/>
        <w:numPr>
          <w:ilvl w:val="0"/>
          <w:numId w:val="11"/>
        </w:numPr>
        <w:tabs>
          <w:tab w:val="left" w:pos="0"/>
        </w:tabs>
        <w:autoSpaceDN/>
        <w:spacing w:before="0" w:after="0"/>
        <w:textAlignment w:val="auto"/>
        <w:rPr>
          <w:rFonts w:ascii="Times New Roman" w:hAnsi="Times New Roman"/>
          <w:color w:val="000000"/>
          <w:sz w:val="20"/>
          <w:szCs w:val="20"/>
          <w:lang w:val="uk-UA"/>
        </w:rPr>
      </w:pP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lastRenderedPageBreak/>
        <w:t>Вкажіть яку стратегію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 xml:space="preserve"> використано при виділенні ОП, я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 xml:space="preserve">кщо відомо, що був виділений </w:t>
      </w:r>
      <w:r>
        <w:rPr>
          <w:rFonts w:ascii="Times New Roman" w:hAnsi="Times New Roman"/>
          <w:color w:val="000000"/>
          <w:sz w:val="20"/>
          <w:szCs w:val="20"/>
          <w:lang w:val="uk-UA"/>
        </w:rPr>
        <w:t>7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t>-й блок і карта пам’яті стала такого вигляду:</w:t>
      </w:r>
      <w:r w:rsidRPr="00267C9A">
        <w:rPr>
          <w:rFonts w:ascii="Times New Roman" w:hAnsi="Times New Roman"/>
          <w:color w:val="000000"/>
          <w:sz w:val="20"/>
          <w:szCs w:val="20"/>
          <w:lang w:val="uk-UA"/>
        </w:rPr>
        <w:br/>
      </w:r>
      <w:r>
        <w:rPr>
          <w:rFonts w:ascii="Times New Roman" w:hAnsi="Times New Roman"/>
          <w:noProof/>
          <w:color w:val="000000"/>
          <w:sz w:val="20"/>
          <w:szCs w:val="20"/>
          <w:lang w:val="ru-RU"/>
        </w:rPr>
        <w:drawing>
          <wp:inline distT="0" distB="0" distL="0" distR="0" wp14:anchorId="4DE5E234" wp14:editId="0723C03B">
            <wp:extent cx="1068070" cy="2342515"/>
            <wp:effectExtent l="19050" t="0" r="0" b="0"/>
            <wp:docPr id="32" name="Рисунок 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5"/>
                    <pic:cNvPicPr>
                      <a:picLocks noChangeAspect="1" noChangeArrowheads="1"/>
                    </pic:cNvPicPr>
                  </pic:nvPicPr>
                  <pic:blipFill>
                    <a:blip r:embed="rId1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68070" cy="234251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2F2A67" w:rsidRPr="00267C9A" w:rsidRDefault="002F2A67" w:rsidP="00B1761E">
      <w:pPr>
        <w:pStyle w:val="a0"/>
        <w:numPr>
          <w:ilvl w:val="0"/>
          <w:numId w:val="13"/>
        </w:numPr>
        <w:tabs>
          <w:tab w:val="left" w:pos="0"/>
        </w:tabs>
        <w:autoSpaceDN/>
        <w:spacing w:after="0"/>
        <w:textAlignment w:val="auto"/>
        <w:rPr>
          <w:rFonts w:ascii="Times New Roman" w:hAnsi="Times New Roman"/>
          <w:color w:val="000000"/>
          <w:lang w:val="uk-UA"/>
        </w:rPr>
      </w:pPr>
      <w:r>
        <w:rPr>
          <w:rFonts w:ascii="Times New Roman" w:hAnsi="Times New Roman"/>
          <w:color w:val="000000"/>
          <w:lang w:val="uk-UA"/>
        </w:rPr>
        <w:t>+</w:t>
      </w:r>
      <w:r w:rsidRPr="00267C9A">
        <w:rPr>
          <w:rFonts w:ascii="Times New Roman" w:hAnsi="Times New Roman"/>
          <w:color w:val="000000"/>
          <w:lang w:val="uk-UA"/>
        </w:rPr>
        <w:t>другий придатний</w:t>
      </w:r>
      <w:r>
        <w:rPr>
          <w:rFonts w:ascii="Times New Roman" w:hAnsi="Times New Roman"/>
          <w:color w:val="000000"/>
          <w:lang w:val="uk-UA"/>
        </w:rPr>
        <w:t xml:space="preserve"> або випадковий блок</w:t>
      </w:r>
    </w:p>
    <w:p w:rsidR="002F2A67" w:rsidRDefault="002F2A67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</w:pPr>
    </w:p>
    <w:p w:rsidR="00D71AB0" w:rsidRDefault="00D71AB0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</w:pPr>
    </w:p>
    <w:p w:rsidR="00D71AB0" w:rsidRDefault="00D71AB0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</w:pPr>
    </w:p>
    <w:p w:rsidR="00322DB7" w:rsidRDefault="00322DB7" w:rsidP="00322DB7">
      <w:pPr>
        <w:pStyle w:val="ad"/>
        <w:spacing w:before="0" w:after="0"/>
        <w:ind w:left="680"/>
        <w:jc w:val="center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Архітектура комп'ютерів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bCs/>
          <w:sz w:val="22"/>
          <w:szCs w:val="22"/>
          <w:lang w:val="ru-RU"/>
        </w:rPr>
      </w:pPr>
      <w:r w:rsidRPr="0062061D">
        <w:rPr>
          <w:rFonts w:ascii="Times New Roman" w:hAnsi="Times New Roman"/>
          <w:bCs/>
          <w:sz w:val="22"/>
          <w:szCs w:val="22"/>
          <w:lang w:val="ru-RU"/>
        </w:rPr>
        <w:t>Мікропроцесорна система – це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cукупність значної кількості функціональних пристроїв, одним з яких є мікропроцесор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Мікропроцесорний комплект – це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укупність мікропроцесорних та інших інтегральних мікросхем, котрі сумісні за архітектурою, конструктивним виконанням та електричними параметрам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о вертикальних рівнів (аспектів) проектування мікропроцесорних пристроїв відносят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функціональний, алгоритмічний, конструктивний, технологічни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Архітектура мікропроцесора визначає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логічну організацію мікропроцесора з точки зору користувача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sz w:val="22"/>
          <w:szCs w:val="22"/>
          <w:lang w:val="uk-UA"/>
        </w:rPr>
        <w:t>Що з перерахованого не є принципом побудови програмно-керованих ЕОМ згідно архітектури фон Неймана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якій стадії цілочисельного конвеєра процесора Pentium виконується попередня вибірка команд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PF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стадії D2 цілочисельного конвеєра процесора Pentium виконується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обчислення адрес операнд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Триступінчатий конвеєр процесора Pentium для обробки чисел з плавоючою комою складається зі стадій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X1, X2, WF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якій стадії конвеєра Pentium виконується запис результатів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що операнд знаходиться в коді команди то така адресація називається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безпосередньою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Комп‘ютерні архітектури за Фліном поділяються на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SISD, MISD, SIMD,MIMD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уть «гарвардської архітектури» полягає в тому, що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стір пам‘яті команд та даних розділени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процесор архітектури ІА-32 був першим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ершим процесором архітектури ІА-32 був процесор І80386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якому процесорі вперше з‘явилась кеш-пам‘ят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 процесорі І80486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містить кеш пам‘ять в процесорі І80486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8 Кб для команд та даних разо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lastRenderedPageBreak/>
        <w:t>Якою є зовнішня шина даних процесора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шина даних процесора Pentium є 64-ох розрядною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ою є шина адреси процесора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шина адреси процесора Pentium є 32-ох розрядною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якому процесорі вперше з‘явилась інструкція CPUID – розпізнавання сімейства і моделі процесора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 процесорі Intel Pentium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склад кеш пам‘яті процесора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кладається з 8 Кб для даних та 8 Кб для команд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ля зберігання операндів з плаваючою комою(крапкою) в процесорі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ристовується вісім 80-ти розрядних регістрів із стековим доступо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адресний простір доступний процесору І8086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ступний адресний простір в 1024 Кб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об'єм пам'яті може адресувати процесор І80286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цесор І80286 може адресувати 16 Мб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Межа адресного простору для процесора 80386 складає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 скількох магістралей складається системна шина ПК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магістралей не є двонапрямленим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агістраль адрес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Кеш-память L1 називают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ервинним кеше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Кеш-память L2 називают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торинним кеше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 яким процесором сумісна шина VLB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 процесором 80486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рівнів КЕШа у процесорі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довжина рядків кешу в процесорах Pentium Pro і Pentium ІІ в байта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32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і скількох стадій складається конвеєр процесора Pentium Pro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2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яку кількість входжень розраховано буфер ВТВ для реалізації динамічного передбачення переходів в процесорі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пецифікація Processor Performance Rating (P-rating) визначає методологію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отримання рейтингу продуктивності процесора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инамічне виконання це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мбінація методів передбачення переходів, аналізу проходження даних та віртуального виконання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яких процесорах з‘явилась архітектура подвійної незалежної шин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 в процесорах Pentium Pro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скільки входжень розрахований буфер адрес переходів процесора Pentium Pro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512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ІА-команд можуть декодувати декодери процесора Pentium Pro за один такт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ожуть декодувати до трьох команд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мікрооперацій за один такт може видати декодер D0 процесора Pentium Pro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оже видати до чотирьох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Інтерфейс системної шини процесорів Р6 покоління дозволяє об‘єднати в симетричну мультипроцесорну систему (за допомогою внутрішніх схем арбітражу)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 чотирьох процесор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Розмір первинного кешу процесорів Pentium Pro збільшено до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пекулятивне виконання команд полягає у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нанні команд в оптимальній послідовності з метою постійної завантаженості виконуючих блок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lastRenderedPageBreak/>
        <w:t>Виконання ММХ інструкцій базується на технології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SIMD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означає режим запису UС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без кешування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стається, якщо невирівнювання даних перетинає границю рядка кешу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адіння продуктивност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процесор є представником архітектури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цесор Itanium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sz w:val="22"/>
          <w:szCs w:val="22"/>
          <w:lang w:val="uk-UA"/>
        </w:rPr>
        <w:t>Скільки інструкцій може виконуватись одночасно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називаються ідентифікатори - посилання  на регістри передбачення 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едикат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регістрів передбачення використовується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64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розрядів мають пакети інструкцій в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28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мікроархітектура  лежить в основі процесора Pentium 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ікроархітектура NetBurst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розмір в кілобайтах має BTB (Branch Target Buffer) процесора Pentium 4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довжина конвеєра процесора Pentium 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вжина конвеєра 20 стаді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позначаються регістри ММХ в процесорі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М0-ММ7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типи даних опрацьовують команди ММ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64-бітні і запакован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означає суфікс US в командах ММ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значає арифметику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е призначення має інструкція EMMS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очищує стан ММХ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з цих команд є командою порівняння ММХ дани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 xml:space="preserve">+pcmpeq  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якій з запропонованих ММХ інструкцій в якості операнда використовується подвійне запаковане слово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pmovd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MMX команд є командами зсуву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манди psraw, psrlw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ої максимальної розрядності данні опрацьовують логічні команди ММ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64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sz w:val="22"/>
          <w:szCs w:val="22"/>
          <w:lang w:val="uk-UA"/>
        </w:rPr>
        <w:t>Якої розрядності операнди опрацьовуються командами множення ММ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особливі ситуації генерують команди ММ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ступу до пам'ят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з наведених пар інструкцій може виконуватись паралельно на U та V конвейєрах процесора Pentium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ари інструкцій: mov eax,ecx    mov edx,ebx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з нижче наведеного не є типом динамічної пам‘ят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е є типом динамічної пам‘яті EPROM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sz w:val="22"/>
          <w:szCs w:val="22"/>
          <w:lang w:val="uk-UA"/>
        </w:rPr>
        <w:t>Що з перерахованого не містить сучасний процесор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відбувається прогнозування розгалужень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нується обидві гілки одночасно, непотрібні результати згодом відкидаються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блок процесора в архітектурі ІА-64 проводить аналіз розгалужен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мпілятор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lastRenderedPageBreak/>
        <w:t>Роз‘єм Slot1 використовується для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цесорів Intel Pentium І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універсальних 64-ох розрядних регістрів є в складі процесора на базі архітектури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28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регістрів для дійсних чисел передбачено архітектурою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28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чому суть технології спекулятивного завантаження даних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а етапі компіляції інструкції завантаження даних переміщуються «вище» по коду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інструкцій входить до 128-бітних пакетів в архітектурі ІА-64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якості кеш-пам‘ят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ристовується Static RAM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Розрядність шини адреси процесора Intel Itanium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sz w:val="22"/>
          <w:szCs w:val="22"/>
          <w:lang w:val="uk-UA"/>
        </w:rPr>
        <w:t>Розрядність регістрів загального призначення процесора Intel 80286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апам’ятовуючими елементами динамічної пам’яті є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нденсатор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тип пам’яті використовується для організації кеш-пам’ят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татични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тип пам’яті використовується для організації оперативної пам’ят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инамічни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о способу керування монітори бувають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мпозитні  та прямого керування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перерахованих груп регістрів відсутні у процесорі Pentiu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егістри передбачення переход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шин є локальним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шини PCI та VLB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є режимів роботи клавіатури на 101/102 клавіш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з нижче наведеного є модулем пам’ят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одулем пам’яті є DIMM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мікросхеми використовуються в модулі пам’яті SIM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ристовуються мікросхеми EDO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Основними характеристиками шини є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швидкість та розрядність передачі даних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пам’ять є енергонезалежною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CMOS-пам’ят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bCs/>
          <w:sz w:val="22"/>
          <w:szCs w:val="22"/>
          <w:lang w:val="uk-UA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Що з нижче наведеного є типами відеоадаптерів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типами відеоадаптерів є EGA, MDA, SVGA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Cs/>
          <w:color w:val="000000"/>
          <w:sz w:val="22"/>
          <w:szCs w:val="22"/>
          <w:lang w:val="uk-UA"/>
        </w:rPr>
        <w:t>Яка адреса порту вводу/виводу для архітектури х86 відповідає каналу OUT0 системного таймеру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40h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Об’єднуюча плата може бут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активною та пасивною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плат належать до сімейства ATX?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 сімейства ATX належить плата ATX-Riser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шин можуть бути 8-розрядним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тільки шина ISA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шин можуть бути 16-розрядним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тільки шина ISA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шин можуть бути 64-розрядним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Тільки шина PCI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з нижче наведеного є типом покращення організації DRAM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RDRAM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і скількох каналів складається системний таймер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 адресному просторі основна пам’ять розташована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ижче 640 Кб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і з наведених портів можуть використовуватись для підключення принтерів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LPT, USB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портів можуть використовуватись для підключення миші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PS/2, USB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Шина AGP використовується для підключення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ідеокарт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наведених портів можуть використовуватись для підключення клавіатур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DIN, USB, PS/2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архітектури виділяють при класифікації, що базується на поняттях потоку команд та потоку даних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SISD, SIMD, MISD, MIMD</w:t>
      </w:r>
    </w:p>
    <w:p w:rsidR="00322DB7" w:rsidRP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 w:rsidRPr="00322DB7">
        <w:rPr>
          <w:rFonts w:ascii="Times New Roman" w:hAnsi="Times New Roman"/>
          <w:sz w:val="22"/>
          <w:szCs w:val="22"/>
          <w:lang w:val="uk-UA"/>
        </w:rPr>
        <w:t>Одним з факторів підвищення швидкодії порту AGP є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нвеєризація операцій звернення до пам‘ят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з перерахованих принципів не відноситься до фон-Нейманівської архітектур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ведення обчислень одно кристальним центральним процесоро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аралельні комп‘ютери згідно структурної систематики Хокні та Джессхоупа поділяються на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нвеєрні, неконвеєрні  та мікропроцесорні матриці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частота є базовою для всіх шин системної плати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Host Bus Clock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ою є допустима частота шини РСІ за специфікацією РСІ-2.1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опустимою частотою є частота до 66,6 МГц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кажіть вірну послідовність кроків при конфігуруванні пристроїв з підтримкою технології «Plug and Play»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водиться ізоляціє пристрою від решти, призначається CSN, зчитується інформація про сконфігуровані та підтримувані ресурси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Що з перерахованого не є архітектурою мікропроцесорів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архітектурою мікропроцесорів не є NetBurst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й архітектурі відповідає  система команд процесорів сімейства і80х86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CISC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і групи описують всі доступні користувачу регістри процесора  і8086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егістри загального призначення, сегментні регістри, вказівник команд та регістр прапорц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регістр не відноситься до сегментних регістрів процесора і8086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Режим SMM мікропроцесорів з 32-розрядною архітектурою це:</w:t>
      </w:r>
    </w:p>
    <w:p w:rsidR="00322DB7" w:rsidRDefault="00322DB7" w:rsidP="00322DB7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ежим SMM мікропроцесорів з 32-розрядною архітектурою це режим системного керування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з регістрів загального призначення не може використовуватись в операціях пересилання даних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ESP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bCs/>
          <w:sz w:val="22"/>
          <w:szCs w:val="22"/>
          <w:lang w:val="uk-UA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В кеші з підтримкою протоколу MESI, І-стан означає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 кеші з підтримкою протоколу MESI, І-стан означає, що рядок в кеші відсутній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ід мікроархітектурою процесора розуміють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посіб та особливості внутрішньої реалізації програмної моделі мікропроцесор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Форматована ємність жорсткого диску це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ума поля даних всіх доступних користувачу секторів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з перерахованого не є файловою системою оптичних дисків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тип пересилки інформації відсутній в інтерфейсі USB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ля чого призначена архітектура подвійної незалежної шини (Dual Independent Bus)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для організації окремого каналу між процесором та кешем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з перерахованого не є сигналом інтерфейсу JTAG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TDT (Test Data Transfer)</w:t>
      </w:r>
    </w:p>
    <w:p w:rsidR="00322DB7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інформація міститься в регістрі DX 32-розрядного процесора після сигналу RESET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формація про тип процесора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Які функції покладені на регістр GS  у процесорі Pentium Pro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нує функції вказівника сегменту даних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Які регістри процесора Pentium Pro відносяться до сегментних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егістри gs,fs,es,ss,cs,ds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Для безпосереднього виконання мікрооперацій в процесорі Pentium Pro використовується:</w:t>
      </w:r>
    </w:p>
    <w:p w:rsidR="00322DB7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ва цілочисельних конвейєри та два конвейєри для обробки чисел з плаваючою комою</w:t>
      </w:r>
    </w:p>
    <w:p w:rsidR="00322DB7" w:rsidRPr="0062061D" w:rsidRDefault="00322DB7" w:rsidP="00322DB7">
      <w:pPr>
        <w:pStyle w:val="ad"/>
        <w:numPr>
          <w:ilvl w:val="0"/>
          <w:numId w:val="11"/>
        </w:numPr>
        <w:tabs>
          <w:tab w:val="left" w:pos="1360"/>
        </w:tabs>
        <w:spacing w:before="0" w:after="0"/>
        <w:rPr>
          <w:lang w:val="ru-RU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Однією з особливостей “гарвардської архітектури” є те, що:</w:t>
      </w:r>
    </w:p>
    <w:p w:rsidR="00322DB7" w:rsidRPr="0062061D" w:rsidRDefault="00322DB7" w:rsidP="00A326C3">
      <w:pPr>
        <w:pStyle w:val="a1"/>
        <w:numPr>
          <w:ilvl w:val="0"/>
          <w:numId w:val="0"/>
        </w:numPr>
        <w:tabs>
          <w:tab w:val="left" w:pos="720"/>
        </w:tabs>
        <w:spacing w:after="0"/>
        <w:ind w:left="720"/>
        <w:rPr>
          <w:lang w:val="ru-RU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остір пам'яті команд та даних розділений</w:t>
      </w:r>
    </w:p>
    <w:p w:rsidR="00D71AB0" w:rsidRDefault="00D71AB0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  <w:rPr>
          <w:lang w:val="ru-RU"/>
        </w:rPr>
      </w:pPr>
    </w:p>
    <w:p w:rsidR="00433428" w:rsidRPr="006E5BBB" w:rsidRDefault="00433428" w:rsidP="00433428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lang w:val="uk-UA"/>
        </w:rPr>
      </w:pPr>
      <w:r w:rsidRPr="006E5BBB">
        <w:rPr>
          <w:rFonts w:ascii="Times New Roman" w:hAnsi="Times New Roman"/>
          <w:b w:val="0"/>
          <w:lang w:val="uk-UA"/>
        </w:rPr>
        <w:t>Суть «гарвардської архітектури» полягає в тому, що:</w:t>
      </w:r>
    </w:p>
    <w:p w:rsidR="00433428" w:rsidRPr="006E5BBB" w:rsidRDefault="00433428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</w:pPr>
      <w:r w:rsidRPr="006E5BBB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>+використовується окремий канал для потоку команд</w:t>
      </w:r>
    </w:p>
    <w:p w:rsidR="00433428" w:rsidRPr="006E5BBB" w:rsidRDefault="00433428" w:rsidP="00433428">
      <w:pPr>
        <w:pStyle w:val="a0"/>
        <w:numPr>
          <w:ilvl w:val="0"/>
          <w:numId w:val="0"/>
        </w:numPr>
        <w:tabs>
          <w:tab w:val="left" w:pos="360"/>
        </w:tabs>
        <w:autoSpaceDN/>
        <w:spacing w:after="0"/>
        <w:ind w:left="360"/>
        <w:textAlignment w:val="auto"/>
        <w:rPr>
          <w:rFonts w:ascii="Times New Roman" w:hAnsi="Times New Roman"/>
          <w:color w:val="auto"/>
          <w:sz w:val="24"/>
          <w:szCs w:val="24"/>
          <w:lang w:val="uk-UA"/>
        </w:rPr>
      </w:pPr>
    </w:p>
    <w:p w:rsidR="00433428" w:rsidRPr="00AB2F7E" w:rsidRDefault="00433428" w:rsidP="00433428">
      <w:pPr>
        <w:rPr>
          <w:highlight w:val="yellow"/>
        </w:rPr>
      </w:pPr>
    </w:p>
    <w:p w:rsidR="00433428" w:rsidRDefault="00433428" w:rsidP="00433428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lang w:val="uk-UA"/>
        </w:rPr>
      </w:pPr>
      <w:r>
        <w:rPr>
          <w:rFonts w:ascii="Times New Roman" w:hAnsi="Times New Roman"/>
          <w:b w:val="0"/>
          <w:lang w:val="uk-UA"/>
        </w:rPr>
        <w:t>В якій з запропонованих ММХ інструкцій в якості операнда використовується подвійне запаковане слово:</w:t>
      </w:r>
    </w:p>
    <w:p w:rsidR="00433428" w:rsidRPr="006E5BBB" w:rsidRDefault="00433428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</w:pPr>
      <w:r w:rsidRPr="006E5BBB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>+p</w:t>
      </w:r>
      <w:r w:rsidRPr="006E5BBB">
        <w:rPr>
          <w:rFonts w:ascii="Times New Roman" w:hAnsi="Times New Roman"/>
          <w:color w:val="auto"/>
          <w:sz w:val="24"/>
          <w:szCs w:val="24"/>
          <w:highlight w:val="yellow"/>
          <w:lang w:val="en-US"/>
        </w:rPr>
        <w:t>add</w:t>
      </w:r>
      <w:r w:rsidRPr="006E5BBB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>d</w:t>
      </w:r>
    </w:p>
    <w:p w:rsidR="00433428" w:rsidRDefault="00433428" w:rsidP="00433428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lang w:val="uk-UA"/>
        </w:rPr>
      </w:pPr>
      <w:r>
        <w:rPr>
          <w:rFonts w:ascii="Times New Roman" w:hAnsi="Times New Roman"/>
          <w:b w:val="0"/>
          <w:lang w:val="uk-UA"/>
        </w:rPr>
        <w:t>Що з нижче наведеного не є типом динамічної пам‘яті:</w:t>
      </w:r>
    </w:p>
    <w:p w:rsidR="00433428" w:rsidRPr="00F41EEB" w:rsidRDefault="00433428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</w:pPr>
      <w:r w:rsidRPr="00F41EEB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 xml:space="preserve">+не є типом динамічної пам‘яті </w:t>
      </w:r>
      <w:r w:rsidRPr="00F41EEB">
        <w:rPr>
          <w:rFonts w:ascii="Times New Roman" w:hAnsi="Times New Roman"/>
          <w:color w:val="auto"/>
          <w:sz w:val="24"/>
          <w:szCs w:val="24"/>
          <w:highlight w:val="yellow"/>
          <w:lang w:val="en-US"/>
        </w:rPr>
        <w:t>DDRAM</w:t>
      </w:r>
    </w:p>
    <w:p w:rsidR="00433428" w:rsidRDefault="00433428" w:rsidP="00433428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lang w:val="uk-UA"/>
        </w:rPr>
      </w:pPr>
      <w:r>
        <w:rPr>
          <w:rFonts w:ascii="Times New Roman" w:hAnsi="Times New Roman"/>
          <w:b w:val="0"/>
          <w:lang w:val="uk-UA"/>
        </w:rPr>
        <w:t>Яка пам’ять є енергонезалежною:</w:t>
      </w:r>
    </w:p>
    <w:p w:rsidR="00433428" w:rsidRPr="001E28F0" w:rsidRDefault="00433428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</w:pPr>
      <w:r w:rsidRPr="001E28F0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>+</w:t>
      </w:r>
      <w:r w:rsidRPr="001E28F0">
        <w:rPr>
          <w:rFonts w:ascii="Times New Roman" w:hAnsi="Times New Roman"/>
          <w:color w:val="auto"/>
          <w:sz w:val="24"/>
          <w:szCs w:val="24"/>
          <w:highlight w:val="yellow"/>
          <w:lang w:val="en-US"/>
        </w:rPr>
        <w:t>FeRAM</w:t>
      </w:r>
    </w:p>
    <w:p w:rsidR="00433428" w:rsidRDefault="00433428" w:rsidP="00433428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lang w:val="uk-UA"/>
        </w:rPr>
      </w:pPr>
      <w:r>
        <w:rPr>
          <w:rFonts w:ascii="Times New Roman" w:hAnsi="Times New Roman"/>
          <w:b w:val="0"/>
          <w:lang w:val="uk-UA"/>
        </w:rPr>
        <w:t>Які з наведених портів можуть використовуватись для підключення миші:</w:t>
      </w:r>
    </w:p>
    <w:p w:rsidR="00433428" w:rsidRPr="001E28F0" w:rsidRDefault="00433428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</w:pPr>
      <w:r w:rsidRPr="001E28F0">
        <w:rPr>
          <w:rFonts w:ascii="Times New Roman" w:hAnsi="Times New Roman"/>
          <w:color w:val="auto"/>
          <w:sz w:val="24"/>
          <w:szCs w:val="24"/>
          <w:highlight w:val="yellow"/>
          <w:lang w:val="uk-UA"/>
        </w:rPr>
        <w:t>+</w:t>
      </w:r>
      <w:r w:rsidRPr="001E28F0">
        <w:rPr>
          <w:rFonts w:ascii="Times New Roman" w:hAnsi="Times New Roman"/>
          <w:color w:val="auto"/>
          <w:sz w:val="24"/>
          <w:szCs w:val="24"/>
          <w:highlight w:val="yellow"/>
          <w:lang w:val="en-US"/>
        </w:rPr>
        <w:t>COM</w:t>
      </w: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</w:rPr>
        <w:t xml:space="preserve"> Яка з </w:t>
      </w:r>
      <w:r w:rsidRPr="00881622">
        <w:rPr>
          <w:rFonts w:cs="Times New Roman"/>
          <w:lang w:val="uk-UA"/>
        </w:rPr>
        <w:t xml:space="preserve">інструкцій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</w:rPr>
        <w:t xml:space="preserve"> </w:t>
      </w:r>
      <w:r w:rsidRPr="00881622">
        <w:rPr>
          <w:rFonts w:cs="Times New Roman"/>
          <w:lang w:val="uk-UA"/>
        </w:rPr>
        <w:t xml:space="preserve">може парно виконуватись на будь-якому конвеєрі: </w:t>
      </w:r>
    </w:p>
    <w:p w:rsidR="00881622" w:rsidRPr="00635BB9" w:rsidRDefault="00881622" w:rsidP="00B1761E">
      <w:pPr>
        <w:pStyle w:val="af8"/>
        <w:numPr>
          <w:ilvl w:val="0"/>
          <w:numId w:val="20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635BB9"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635BB9">
        <w:rPr>
          <w:rFonts w:ascii="Times New Roman" w:hAnsi="Times New Roman" w:cs="Times New Roman"/>
          <w:sz w:val="24"/>
          <w:szCs w:val="24"/>
          <w:lang w:val="en-US"/>
        </w:rPr>
        <w:t>UV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</w:t>
      </w:r>
      <w:r w:rsidRPr="00881622">
        <w:rPr>
          <w:rFonts w:cs="Times New Roman"/>
        </w:rPr>
        <w:t xml:space="preserve">Яка з </w:t>
      </w:r>
      <w:r w:rsidRPr="00881622">
        <w:rPr>
          <w:rFonts w:cs="Times New Roman"/>
          <w:lang w:val="uk-UA"/>
        </w:rPr>
        <w:t xml:space="preserve">інструкцій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</w:rPr>
        <w:t xml:space="preserve"> </w:t>
      </w:r>
      <w:r w:rsidRPr="00881622">
        <w:rPr>
          <w:rFonts w:cs="Times New Roman"/>
          <w:lang w:val="uk-UA"/>
        </w:rPr>
        <w:t xml:space="preserve">може парно виконуватись тільки на </w:t>
      </w:r>
      <w:r w:rsidRPr="00881622">
        <w:rPr>
          <w:rFonts w:cs="Times New Roman"/>
          <w:lang w:val="en-US"/>
        </w:rPr>
        <w:t>U</w:t>
      </w:r>
      <w:r w:rsidRPr="00881622">
        <w:rPr>
          <w:rFonts w:cs="Times New Roman"/>
        </w:rPr>
        <w:t>-</w:t>
      </w:r>
      <w:r w:rsidRPr="00881622">
        <w:rPr>
          <w:rFonts w:cs="Times New Roman"/>
          <w:lang w:val="uk-UA"/>
        </w:rPr>
        <w:t xml:space="preserve">конвеєрі: </w:t>
      </w:r>
    </w:p>
    <w:p w:rsidR="00881622" w:rsidRPr="00635BB9" w:rsidRDefault="00881622" w:rsidP="00B1761E">
      <w:pPr>
        <w:pStyle w:val="af8"/>
        <w:numPr>
          <w:ilvl w:val="0"/>
          <w:numId w:val="20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+</w:t>
      </w:r>
      <w:r w:rsidRPr="00635BB9">
        <w:rPr>
          <w:rFonts w:ascii="Times New Roman" w:hAnsi="Times New Roman" w:cs="Times New Roman"/>
          <w:sz w:val="24"/>
          <w:szCs w:val="24"/>
          <w:lang w:val="en-US"/>
        </w:rPr>
        <w:t>PU</w:t>
      </w:r>
    </w:p>
    <w:p w:rsidR="00881622" w:rsidRDefault="00881622" w:rsidP="00881622">
      <w:pPr>
        <w:jc w:val="both"/>
        <w:rPr>
          <w:rFonts w:cs="Times New Roman"/>
          <w:lang w:val="en-US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</w:t>
      </w:r>
      <w:r w:rsidRPr="00881622">
        <w:rPr>
          <w:rFonts w:cs="Times New Roman"/>
        </w:rPr>
        <w:t xml:space="preserve">Яка з </w:t>
      </w:r>
      <w:r w:rsidRPr="00881622">
        <w:rPr>
          <w:rFonts w:cs="Times New Roman"/>
          <w:lang w:val="uk-UA"/>
        </w:rPr>
        <w:t xml:space="preserve">інструкцій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</w:rPr>
        <w:t xml:space="preserve"> </w:t>
      </w:r>
      <w:r w:rsidRPr="00881622">
        <w:rPr>
          <w:rFonts w:cs="Times New Roman"/>
          <w:lang w:val="uk-UA"/>
        </w:rPr>
        <w:t xml:space="preserve">може парно виконуватись тільки на </w:t>
      </w:r>
      <w:r w:rsidRPr="00881622">
        <w:rPr>
          <w:rFonts w:cs="Times New Roman"/>
          <w:lang w:val="en-US"/>
        </w:rPr>
        <w:t>V</w:t>
      </w:r>
      <w:r w:rsidRPr="00881622">
        <w:rPr>
          <w:rFonts w:cs="Times New Roman"/>
        </w:rPr>
        <w:t>-</w:t>
      </w:r>
      <w:r w:rsidRPr="00881622">
        <w:rPr>
          <w:rFonts w:cs="Times New Roman"/>
          <w:lang w:val="uk-UA"/>
        </w:rPr>
        <w:t xml:space="preserve">конвеєрі: </w:t>
      </w:r>
    </w:p>
    <w:p w:rsidR="00881622" w:rsidRPr="00635BB9" w:rsidRDefault="00881622" w:rsidP="00B1761E">
      <w:pPr>
        <w:pStyle w:val="af8"/>
        <w:numPr>
          <w:ilvl w:val="0"/>
          <w:numId w:val="20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en-US"/>
        </w:rPr>
        <w:t>+</w:t>
      </w:r>
      <w:r w:rsidRPr="00635BB9">
        <w:rPr>
          <w:rFonts w:ascii="Times New Roman" w:hAnsi="Times New Roman" w:cs="Times New Roman"/>
          <w:sz w:val="24"/>
          <w:szCs w:val="24"/>
          <w:lang w:val="en-US"/>
        </w:rPr>
        <w:t>PV</w:t>
      </w:r>
    </w:p>
    <w:p w:rsidR="00881622" w:rsidRDefault="00881622" w:rsidP="00881622">
      <w:pPr>
        <w:jc w:val="both"/>
        <w:rPr>
          <w:rFonts w:cs="Times New Roman"/>
          <w:lang w:val="en-US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</w:t>
      </w:r>
      <w:r w:rsidRPr="00881622">
        <w:rPr>
          <w:rFonts w:cs="Times New Roman"/>
        </w:rPr>
        <w:t xml:space="preserve">Яка з </w:t>
      </w:r>
      <w:r w:rsidRPr="00881622">
        <w:rPr>
          <w:rFonts w:cs="Times New Roman"/>
          <w:lang w:val="uk-UA"/>
        </w:rPr>
        <w:t xml:space="preserve">інструкцій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</w:rPr>
        <w:t xml:space="preserve"> </w:t>
      </w:r>
      <w:r w:rsidRPr="00881622">
        <w:rPr>
          <w:rFonts w:cs="Times New Roman"/>
          <w:lang w:val="uk-UA"/>
        </w:rPr>
        <w:t xml:space="preserve">не може виконуватись парно: </w:t>
      </w:r>
    </w:p>
    <w:p w:rsidR="00881622" w:rsidRPr="00635BB9" w:rsidRDefault="00881622" w:rsidP="00B1761E">
      <w:pPr>
        <w:pStyle w:val="af8"/>
        <w:numPr>
          <w:ilvl w:val="0"/>
          <w:numId w:val="20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635BB9">
        <w:rPr>
          <w:rFonts w:ascii="Times New Roman" w:hAnsi="Times New Roman" w:cs="Times New Roman"/>
          <w:sz w:val="24"/>
          <w:szCs w:val="24"/>
          <w:lang w:val="en-US"/>
        </w:rPr>
        <w:t>NP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Кеш процесора Pentium є: </w:t>
      </w:r>
    </w:p>
    <w:p w:rsidR="00881622" w:rsidRPr="00031E0D" w:rsidRDefault="00881622" w:rsidP="00B1761E">
      <w:pPr>
        <w:pStyle w:val="af8"/>
        <w:numPr>
          <w:ilvl w:val="0"/>
          <w:numId w:val="21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031E0D">
        <w:rPr>
          <w:rFonts w:ascii="Times New Roman" w:hAnsi="Times New Roman" w:cs="Times New Roman"/>
          <w:sz w:val="24"/>
          <w:szCs w:val="24"/>
          <w:lang w:val="uk-UA"/>
        </w:rPr>
        <w:t xml:space="preserve">+набірно-асоціативним 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Математичний співпроцесор процесора Pentium містить: </w:t>
      </w:r>
    </w:p>
    <w:p w:rsidR="00881622" w:rsidRPr="00C72FF3" w:rsidRDefault="00881622" w:rsidP="00B1761E">
      <w:pPr>
        <w:pStyle w:val="af8"/>
        <w:numPr>
          <w:ilvl w:val="0"/>
          <w:numId w:val="22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C72FF3">
        <w:rPr>
          <w:rFonts w:ascii="Times New Roman" w:hAnsi="Times New Roman" w:cs="Times New Roman"/>
          <w:sz w:val="24"/>
          <w:szCs w:val="24"/>
          <w:lang w:val="uk-UA"/>
        </w:rPr>
        <w:t xml:space="preserve">+3 стадії: дві виконання та одну запису результату 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а з наведених пар інструкцій містить приклад регістрового суперництва: </w:t>
      </w:r>
    </w:p>
    <w:p w:rsidR="00881622" w:rsidRPr="00F7566D" w:rsidRDefault="00881622" w:rsidP="00B1761E">
      <w:pPr>
        <w:pStyle w:val="af8"/>
        <w:numPr>
          <w:ilvl w:val="0"/>
          <w:numId w:val="23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F7566D">
        <w:rPr>
          <w:rFonts w:ascii="Times New Roman" w:hAnsi="Times New Roman" w:cs="Times New Roman"/>
          <w:sz w:val="24"/>
          <w:szCs w:val="24"/>
          <w:lang w:val="uk-UA"/>
        </w:rPr>
        <w:t>+mov eax, edx та mov edx, 32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lastRenderedPageBreak/>
        <w:t xml:space="preserve"> Вкажіть причину, через яку пара інструкцій mov ecx, edx та imul ebx не може виконатися парно на конвеєрах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  <w:lang w:val="uk-UA"/>
        </w:rPr>
        <w:t xml:space="preserve">: </w:t>
      </w:r>
    </w:p>
    <w:p w:rsidR="00881622" w:rsidRPr="003A5697" w:rsidRDefault="00881622" w:rsidP="00B1761E">
      <w:pPr>
        <w:pStyle w:val="af8"/>
        <w:numPr>
          <w:ilvl w:val="0"/>
          <w:numId w:val="24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3A5697">
        <w:rPr>
          <w:rFonts w:ascii="Times New Roman" w:hAnsi="Times New Roman" w:cs="Times New Roman"/>
          <w:sz w:val="24"/>
          <w:szCs w:val="24"/>
          <w:lang w:val="uk-UA"/>
        </w:rPr>
        <w:t xml:space="preserve">+одна з інструкцій має тип </w:t>
      </w:r>
      <w:r w:rsidRPr="003A5697">
        <w:rPr>
          <w:rFonts w:ascii="Times New Roman" w:hAnsi="Times New Roman" w:cs="Times New Roman"/>
          <w:sz w:val="24"/>
          <w:szCs w:val="24"/>
          <w:lang w:val="en-US"/>
        </w:rPr>
        <w:t>NP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За скільки тактів виконається на конвеєрах процесорах Pentium наступний потік інструкцій: pu pv pv pu uv uv pv pv np np pu uv uv pv.</w:t>
      </w:r>
    </w:p>
    <w:p w:rsidR="00881622" w:rsidRPr="003D0712" w:rsidRDefault="00881622" w:rsidP="00B1761E">
      <w:pPr>
        <w:pStyle w:val="af8"/>
        <w:numPr>
          <w:ilvl w:val="0"/>
          <w:numId w:val="25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3D0712">
        <w:rPr>
          <w:rFonts w:ascii="Times New Roman" w:hAnsi="Times New Roman" w:cs="Times New Roman"/>
          <w:sz w:val="24"/>
          <w:szCs w:val="24"/>
          <w:lang w:val="uk-UA"/>
        </w:rPr>
        <w:t xml:space="preserve">+9 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Скільки нових інструкцій введено в технологію ММХ.</w:t>
      </w:r>
    </w:p>
    <w:p w:rsidR="00881622" w:rsidRPr="001958C7" w:rsidRDefault="00881622" w:rsidP="00B1761E">
      <w:pPr>
        <w:pStyle w:val="af8"/>
        <w:numPr>
          <w:ilvl w:val="0"/>
          <w:numId w:val="26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1958C7">
        <w:rPr>
          <w:rFonts w:ascii="Times New Roman" w:hAnsi="Times New Roman" w:cs="Times New Roman"/>
          <w:sz w:val="24"/>
          <w:szCs w:val="24"/>
          <w:lang w:val="uk-UA"/>
        </w:rPr>
        <w:t>57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Що робить наведена команда punpckdw MM0, a_vector? </w:t>
      </w:r>
    </w:p>
    <w:p w:rsidR="00881622" w:rsidRPr="00017E5E" w:rsidRDefault="00881622" w:rsidP="00B1761E">
      <w:pPr>
        <w:pStyle w:val="af8"/>
        <w:numPr>
          <w:ilvl w:val="0"/>
          <w:numId w:val="27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017E5E">
        <w:rPr>
          <w:rFonts w:ascii="Times New Roman" w:hAnsi="Times New Roman" w:cs="Times New Roman"/>
          <w:sz w:val="24"/>
          <w:szCs w:val="24"/>
          <w:lang w:val="uk-UA"/>
        </w:rPr>
        <w:t xml:space="preserve">+розпаковує змінну типу слово у подвійне слово 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і дії виконує наведена команда pcmpeqd MM1, a_block?</w:t>
      </w:r>
    </w:p>
    <w:p w:rsidR="00881622" w:rsidRPr="00017E5E" w:rsidRDefault="00881622" w:rsidP="00B1761E">
      <w:pPr>
        <w:pStyle w:val="af8"/>
        <w:numPr>
          <w:ilvl w:val="0"/>
          <w:numId w:val="28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017E5E">
        <w:rPr>
          <w:rFonts w:ascii="Times New Roman" w:hAnsi="Times New Roman" w:cs="Times New Roman"/>
          <w:sz w:val="24"/>
          <w:szCs w:val="24"/>
          <w:lang w:val="uk-UA"/>
        </w:rPr>
        <w:t>+порівнює вміст регістру ММХ зі змінною типу подвійне слово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і дії виконує наведена команда </w:t>
      </w:r>
      <w:r w:rsidRPr="00881622">
        <w:rPr>
          <w:rFonts w:cs="Times New Roman"/>
          <w:bCs/>
          <w:color w:val="000000"/>
          <w:spacing w:val="2"/>
          <w:lang w:val="uk-UA"/>
        </w:rPr>
        <w:t>psubb</w:t>
      </w:r>
      <w:r w:rsidRPr="00881622">
        <w:rPr>
          <w:rFonts w:cs="Times New Roman"/>
          <w:bCs/>
          <w:color w:val="000000"/>
          <w:lang w:val="uk-UA"/>
        </w:rPr>
        <w:t xml:space="preserve"> MM3, a_block</w:t>
      </w:r>
      <w:r w:rsidRPr="00881622">
        <w:rPr>
          <w:rFonts w:cs="Times New Roman"/>
          <w:lang w:val="uk-UA"/>
        </w:rPr>
        <w:t>?</w:t>
      </w:r>
    </w:p>
    <w:p w:rsidR="00881622" w:rsidRPr="00017E5E" w:rsidRDefault="00881622" w:rsidP="00B1761E">
      <w:pPr>
        <w:pStyle w:val="af8"/>
        <w:numPr>
          <w:ilvl w:val="0"/>
          <w:numId w:val="28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017E5E">
        <w:rPr>
          <w:rFonts w:ascii="Times New Roman" w:hAnsi="Times New Roman" w:cs="Times New Roman"/>
          <w:sz w:val="24"/>
          <w:szCs w:val="24"/>
          <w:lang w:val="uk-UA"/>
        </w:rPr>
        <w:t>віднімає від регістру ММХ змінну типу байт з використання арифметики переносу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і дії виконує наведена команда </w:t>
      </w:r>
      <w:r w:rsidRPr="00881622">
        <w:rPr>
          <w:rFonts w:cs="Times New Roman"/>
          <w:bCs/>
          <w:color w:val="000000"/>
          <w:spacing w:val="2"/>
          <w:lang w:val="uk-UA"/>
        </w:rPr>
        <w:t>paddusw MM4, a_block</w:t>
      </w:r>
      <w:r w:rsidRPr="00881622">
        <w:rPr>
          <w:rFonts w:cs="Times New Roman"/>
          <w:lang w:val="uk-UA"/>
        </w:rPr>
        <w:t>?</w:t>
      </w:r>
    </w:p>
    <w:p w:rsidR="00881622" w:rsidRPr="00017E5E" w:rsidRDefault="00881622" w:rsidP="00B1761E">
      <w:pPr>
        <w:pStyle w:val="af8"/>
        <w:numPr>
          <w:ilvl w:val="0"/>
          <w:numId w:val="28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017E5E">
        <w:rPr>
          <w:rFonts w:ascii="Times New Roman" w:hAnsi="Times New Roman" w:cs="Times New Roman"/>
          <w:sz w:val="24"/>
          <w:szCs w:val="24"/>
          <w:lang w:val="uk-UA"/>
        </w:rPr>
        <w:t>додає до регістру ММХ змінну розміром слово з використанням арифметики беззнакового насичення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і дії виконує наведена команда </w:t>
      </w:r>
      <w:r w:rsidRPr="00881622">
        <w:rPr>
          <w:rFonts w:cs="Times New Roman"/>
          <w:bCs/>
          <w:color w:val="000000"/>
          <w:spacing w:val="2"/>
          <w:lang w:val="uk-UA"/>
        </w:rPr>
        <w:t>movd MM3, a_block</w:t>
      </w:r>
      <w:r w:rsidRPr="00881622">
        <w:rPr>
          <w:rFonts w:cs="Times New Roman"/>
          <w:lang w:val="uk-UA"/>
        </w:rPr>
        <w:t>?</w:t>
      </w:r>
    </w:p>
    <w:p w:rsidR="00881622" w:rsidRDefault="00881622" w:rsidP="00B1761E">
      <w:pPr>
        <w:pStyle w:val="af8"/>
        <w:numPr>
          <w:ilvl w:val="0"/>
          <w:numId w:val="27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інша відповідь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Скільки стадій (ступенів) містить конвеєр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  <w:lang w:val="uk-UA"/>
        </w:rPr>
        <w:t xml:space="preserve"> </w:t>
      </w:r>
      <w:r w:rsidRPr="00881622">
        <w:rPr>
          <w:rFonts w:cs="Times New Roman"/>
          <w:lang w:val="en-US"/>
        </w:rPr>
        <w:t>II</w:t>
      </w:r>
      <w:r w:rsidRPr="00881622">
        <w:rPr>
          <w:rFonts w:cs="Times New Roman"/>
          <w:lang w:val="uk-UA"/>
        </w:rPr>
        <w:t>?</w:t>
      </w:r>
    </w:p>
    <w:p w:rsidR="00881622" w:rsidRPr="00406649" w:rsidRDefault="00881622" w:rsidP="00B1761E">
      <w:pPr>
        <w:pStyle w:val="af8"/>
        <w:numPr>
          <w:ilvl w:val="0"/>
          <w:numId w:val="29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 w:rsidRPr="00406649">
        <w:rPr>
          <w:rFonts w:ascii="Times New Roman" w:hAnsi="Times New Roman" w:cs="Times New Roman"/>
          <w:sz w:val="24"/>
          <w:szCs w:val="24"/>
          <w:lang w:val="uk-UA"/>
        </w:rPr>
        <w:t>+12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Яка з наведених пар інструкцій може виконатися парно на конвеєрах процесора Pentium ІІ? </w:t>
      </w:r>
    </w:p>
    <w:p w:rsidR="00881622" w:rsidRPr="00C94EDA" w:rsidRDefault="00881622" w:rsidP="00B1761E">
      <w:pPr>
        <w:pStyle w:val="af8"/>
        <w:numPr>
          <w:ilvl w:val="0"/>
          <w:numId w:val="30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en-US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C94EDA">
        <w:rPr>
          <w:rFonts w:ascii="Times New Roman" w:hAnsi="Times New Roman" w:cs="Times New Roman"/>
          <w:sz w:val="24"/>
          <w:szCs w:val="24"/>
          <w:lang w:val="uk-UA"/>
        </w:rPr>
        <w:t>je 250 та  test ebx, ebx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Вкажіть причину, через яку пара інструкцій sub eax, ecx та sbb ebx, 32 не може виконатися парно на конвеєрах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  <w:lang w:val="uk-UA"/>
        </w:rPr>
        <w:t xml:space="preserve">: </w:t>
      </w:r>
    </w:p>
    <w:p w:rsidR="00881622" w:rsidRPr="003A5697" w:rsidRDefault="00881622" w:rsidP="00B1761E">
      <w:pPr>
        <w:pStyle w:val="af8"/>
        <w:numPr>
          <w:ilvl w:val="0"/>
          <w:numId w:val="24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3A5697">
        <w:rPr>
          <w:rFonts w:ascii="Times New Roman" w:hAnsi="Times New Roman" w:cs="Times New Roman"/>
          <w:sz w:val="24"/>
          <w:szCs w:val="24"/>
          <w:lang w:val="uk-UA"/>
        </w:rPr>
        <w:t xml:space="preserve">друга інструкція має тип </w:t>
      </w:r>
      <w:r w:rsidRPr="003A5697">
        <w:rPr>
          <w:rFonts w:ascii="Times New Roman" w:hAnsi="Times New Roman" w:cs="Times New Roman"/>
          <w:sz w:val="24"/>
          <w:szCs w:val="24"/>
          <w:lang w:val="en-US"/>
        </w:rPr>
        <w:t>PU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Вкажіть причину, через яку пара інструкцій je 250 та test ebx, ebx не може виконатися парно на конвеєрах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  <w:lang w:val="uk-UA"/>
        </w:rPr>
        <w:t xml:space="preserve">: </w:t>
      </w:r>
    </w:p>
    <w:p w:rsidR="00881622" w:rsidRPr="003A5697" w:rsidRDefault="00881622" w:rsidP="00B1761E">
      <w:pPr>
        <w:pStyle w:val="af8"/>
        <w:numPr>
          <w:ilvl w:val="0"/>
          <w:numId w:val="24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3A5697">
        <w:rPr>
          <w:rFonts w:ascii="Times New Roman" w:hAnsi="Times New Roman" w:cs="Times New Roman"/>
          <w:sz w:val="24"/>
          <w:szCs w:val="24"/>
          <w:lang w:val="uk-UA"/>
        </w:rPr>
        <w:t xml:space="preserve">перша інструкція має тип </w:t>
      </w:r>
      <w:r w:rsidRPr="003A5697">
        <w:rPr>
          <w:rFonts w:ascii="Times New Roman" w:hAnsi="Times New Roman" w:cs="Times New Roman"/>
          <w:sz w:val="24"/>
          <w:szCs w:val="24"/>
          <w:lang w:val="en-US"/>
        </w:rPr>
        <w:t>PV</w:t>
      </w:r>
    </w:p>
    <w:p w:rsidR="00881622" w:rsidRDefault="00881622" w:rsidP="00881622">
      <w:pPr>
        <w:jc w:val="both"/>
        <w:rPr>
          <w:rFonts w:cs="Times New Roman"/>
          <w:lang w:val="uk-UA"/>
        </w:rPr>
      </w:pPr>
    </w:p>
    <w:p w:rsidR="00881622" w:rsidRPr="00881622" w:rsidRDefault="00881622" w:rsidP="00881622">
      <w:pPr>
        <w:pStyle w:val="af8"/>
        <w:numPr>
          <w:ilvl w:val="0"/>
          <w:numId w:val="11"/>
        </w:numPr>
        <w:jc w:val="both"/>
        <w:rPr>
          <w:rFonts w:cs="Times New Roman"/>
          <w:lang w:val="uk-UA"/>
        </w:rPr>
      </w:pPr>
      <w:r w:rsidRPr="00881622">
        <w:rPr>
          <w:rFonts w:cs="Times New Roman"/>
          <w:lang w:val="uk-UA"/>
        </w:rPr>
        <w:t xml:space="preserve"> Вкажіть причину, через яку пара інструкцій adc eax, 300 та jmp 100 не може виконатися парно на конвеєрах процесора </w:t>
      </w:r>
      <w:r w:rsidRPr="00881622">
        <w:rPr>
          <w:rFonts w:cs="Times New Roman"/>
          <w:lang w:val="en-US"/>
        </w:rPr>
        <w:t>Pentium</w:t>
      </w:r>
      <w:r w:rsidRPr="00881622">
        <w:rPr>
          <w:rFonts w:cs="Times New Roman"/>
          <w:lang w:val="uk-UA"/>
        </w:rPr>
        <w:t xml:space="preserve">: </w:t>
      </w:r>
    </w:p>
    <w:p w:rsidR="00881622" w:rsidRDefault="00881622" w:rsidP="00B1761E">
      <w:pPr>
        <w:pStyle w:val="af8"/>
        <w:numPr>
          <w:ilvl w:val="0"/>
          <w:numId w:val="24"/>
        </w:numPr>
        <w:spacing w:after="0" w:line="240" w:lineRule="auto"/>
        <w:jc w:val="both"/>
        <w:rPr>
          <w:rFonts w:ascii="Times New Roman" w:hAnsi="Times New Roman" w:cs="Times New Roman"/>
          <w:sz w:val="24"/>
          <w:szCs w:val="24"/>
          <w:lang w:val="uk-UA"/>
        </w:rPr>
      </w:pPr>
      <w:r>
        <w:rPr>
          <w:rFonts w:ascii="Times New Roman" w:hAnsi="Times New Roman" w:cs="Times New Roman"/>
          <w:sz w:val="24"/>
          <w:szCs w:val="24"/>
          <w:lang w:val="uk-UA"/>
        </w:rPr>
        <w:t>+</w:t>
      </w:r>
      <w:r w:rsidRPr="003A5697">
        <w:rPr>
          <w:rFonts w:ascii="Times New Roman" w:hAnsi="Times New Roman" w:cs="Times New Roman"/>
          <w:sz w:val="24"/>
          <w:szCs w:val="24"/>
          <w:lang w:val="uk-UA"/>
        </w:rPr>
        <w:t>інша відповідь</w:t>
      </w:r>
    </w:p>
    <w:p w:rsidR="007F0319" w:rsidRPr="007F0319" w:rsidRDefault="007F0319" w:rsidP="007F0319">
      <w:pPr>
        <w:jc w:val="both"/>
        <w:rPr>
          <w:rFonts w:cs="Times New Roman"/>
          <w:lang w:val="uk-UA"/>
        </w:rPr>
      </w:pPr>
    </w:p>
    <w:p w:rsidR="00881622" w:rsidRPr="00C94EDA" w:rsidRDefault="00881622" w:rsidP="00881622">
      <w:pPr>
        <w:jc w:val="both"/>
        <w:rPr>
          <w:rFonts w:cs="Times New Roman"/>
          <w:lang w:val="uk-UA"/>
        </w:rPr>
      </w:pPr>
    </w:p>
    <w:p w:rsidR="00433428" w:rsidRPr="00881622" w:rsidRDefault="00433428" w:rsidP="00433428">
      <w:pPr>
        <w:rPr>
          <w:lang w:val="uk-UA"/>
        </w:rPr>
      </w:pPr>
    </w:p>
    <w:p w:rsidR="00AE67DF" w:rsidRDefault="00AE67DF" w:rsidP="00AE67DF">
      <w:pPr>
        <w:pStyle w:val="af9"/>
        <w:spacing w:before="0" w:after="0"/>
        <w:jc w:val="center"/>
        <w:rPr>
          <w:rFonts w:ascii="Times New Roman" w:hAnsi="Times New Roman"/>
          <w:sz w:val="20"/>
          <w:lang w:val="uk-UA"/>
        </w:rPr>
      </w:pPr>
      <w:r>
        <w:rPr>
          <w:rFonts w:ascii="Times New Roman" w:hAnsi="Times New Roman"/>
          <w:sz w:val="20"/>
          <w:lang w:val="uk-UA"/>
        </w:rPr>
        <w:t>Комп’ютерні системи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>Система обробки даних (СОД) це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укупність технічних засобів і програмного забезпечення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ОД на основі окремих ЕОМ відносяться 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до класу зосереджени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  <w:lang w:val="ru-RU"/>
        </w:rPr>
        <w:t>П</w:t>
      </w:r>
      <w:r w:rsidRPr="00AE67DF">
        <w:rPr>
          <w:rFonts w:ascii="Times New Roman" w:hAnsi="Times New Roman"/>
        </w:rPr>
        <w:t>аралельні інтерфейси СОД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кладаються з значного числа  ліній, дані по яких  передаються в паралельному коді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Послідовні інтерфейси СОД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кладаються з однієї або декількох ліній, дані по яких передаються в послідовному коді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Зв’язні інтерфейси СОД 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містять канали зв’язку, робота яких забезпечується апаратурою передачі даних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Одномашинні  СОД це системи</w:t>
      </w:r>
      <w:r w:rsidRPr="00AE67DF">
        <w:rPr>
          <w:rFonts w:ascii="Times New Roman" w:hAnsi="Times New Roman"/>
          <w:lang w:val="uk-UA"/>
        </w:rPr>
        <w:t>:</w:t>
      </w:r>
    </w:p>
    <w:p w:rsidR="00AE67DF" w:rsidRPr="00AE67DF" w:rsidRDefault="00AE67DF" w:rsidP="00AE67DF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обудовані на базі єдиної ЕОМ з однопроцесорною структурою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Обчислювальний комплекс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б’єднання  ЕОМ для підвищення надійності і продуктивності СОД     та базового програмного забезпечення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обчислювальних комплексах непрямий зв'язок здійснюється через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агальні запам’ятовуючі пристрої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обчислювальних комплексах прямий зв'язок здійснюється через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 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Багатопроцесорний обчислювальний комплекс (БПОК) це комплекс , що включає 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два і більше процесор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Багатомашинний обчислювальний комплекс (БМОК) це комплекс , що включає 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дві і більше ЕОМ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бчислювальні системи це СОД побудовані дл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вирішення задач конкретної області застосування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t>Спосіб організації паралельної обробки інформації «сполучення в часі різних етапів різних задач»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мультипрограмна обробка інформації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t>Спосіб організації паралельної обробки інформації «одночасне рішення різних задач або частин однієї задачі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бов’язкова наявність декількох обробних пристрої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t>Спосіб організації паралельної обробки інформації «конвеєрна обробка інформації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 є можливість реалізації і на одному обробному пристрої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>Системи з « одиночним потоком команд і одиночним потоком даних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дна команда і одні дані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истеми з «множинним потоком команд і одиночним потоком даних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дні дані і багато команд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истеми з «одиночним потоком команд і множинним потоком даних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одна команда і багато дани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истеми з «множинним потоком команд і множинним потоком даних» 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багато команд і багато дани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Яким чином визначається  ефективність складних систем?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характеристиками систем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До основних характеристик СОД не відноси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ремонтопридатність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Продуктивність СОД визначає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кількістю обчислювальної роботи за одиницю часу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Продуктивність технічних засобів оцінює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їхньою швидкодією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Системна продуктивність СОД оцінює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числом задач, що виконуються системою за одиницю часу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Комплексна продуктивність оцінює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набором швидкодій усіх пристрої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Завантаження СОД оцінюється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оказниками використання пристрою в процесі роботи систем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Час відповіді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 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Час очікування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ума проміжків часу, протягом яких задача знаходилась в стані очікування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Час виконання задачі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умарна тривалість всіх етапів обробки 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Час відновлення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час, витрачений на відновлення  працездатності систем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ереднє напрацювання на відмову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ередній проміжок часу між двома суміжними відмовам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lastRenderedPageBreak/>
        <w:t>Вартість СОД це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умарна вартість технічних засобів і програмного забезпечення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Математичною формою представлення СОД є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граф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Інженерною формою представлення СОД є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труктурна схема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Функціонування СОД зображується у вигляді процесів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кладні процеси  задаються за допомогою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часової діаграми; 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Інтерфейси прямого керування сполучають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роцесори двох ЕОМ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Інтерфейси оперативної  пам’яті сполучають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роцесор з оперативною пам’ятю і каналами вводу-виводу 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Інтерфейси введення – виведення сполучають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канали вводу-виводу з контролерами запам’ятовуючих пристроїв і пристроями вводу-виводу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Малі інтерфейси сполучають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накопичувачі і зовнішні пристрої з відповідними контролерам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 побічно-, чи слабо зв’язаних комплексах ЕОМ зв’язані через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 прямо  зв’язаних комплексах ЕОМ з’єднані між собою через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агальне ОЗП, пряме керування, адаптер канал-канал.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 слабо зв’язаних комплексах обмін інформацією здійснюється за принципом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«поштової скриньки»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 сателітних комплексах обмін інформацією здійснюється за принципом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взаємодії ЕОМ 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 слабозв’язаних комплексах можуть мати місце такі способи організації робот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ненавантажений резерв, навантажений резерв, основна і резервна вирішують одночасно ті самі задачі 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Ненавантажений резерв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Навантажений резерв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резервна в стані повної готовності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lastRenderedPageBreak/>
        <w:t>Режим дублювання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бидві ЕОМ в стані повної готовності 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Для сателітних комплексів є характерним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ринцип взаємодії ЕОМ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ЕОМ істотно відрізняються за своїми характеристиками в комплексах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ателітни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яких комплексах  визначена  підпорядкованість ЕОМ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ателітних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об’єднані ЕОМ у комплекси  основною метою є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ідвищення надійності, збільшення продуктивності 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 структурній  організації БПОК з загальною шиною проблема зв’язків вирішується за допомогою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 структурній організації БПОК з перехресною комутацією проблема зв’язків вирішується за допомогою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комутаційної матриці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 структурній  організації БПОК з багатовходовими ОЗП проблема зв’язків вирішується за допомогою 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входів ОЗП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Недоліки  комплексів з загальною шиною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однозв’язний інтерфейс; 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t>Напрямок організації паралельної обробки “з’єднання в часі різних етапів різних задач” можливий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навіть в однопроцесорній ЕОМ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аралелізм об’єктів або даних має міс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о одній програмі обробляються дані що надходять в систему одночасно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родний паралелізм незалежних задач має міс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вирішення будь якої задачі не залежить від результатів інших задач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аралелізм незалежних гілок має місце кол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ри вирішені великої задачі можуть бути виділені окремі незалежні частин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мова «незалежність по керуванню» необхідна при:</w:t>
      </w:r>
    </w:p>
    <w:p w:rsidR="00AE67DF" w:rsidRPr="00AE67DF" w:rsidRDefault="00AE67DF" w:rsidP="0010580A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аралелізмі незалежних гілок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мова « відсутність зв’язків по спільним  полям пам’яті» необхідна при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аралелізмі незалежних гілок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>Умова «програмна незалежність» необхідна при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Умова «відсутність функціональних зв’язків» необхідна при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Ярусно-паралельна форма програми має вигляд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укупністі гілок розташованих на яруса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Конвеєрна обробка  не може бути реалізована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Матричні обчислювальні системи відносяться до класу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одна команда багато даних (ОКБД)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Асоціативні обчислювальні системи відносяться до класу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одна команда багато даних (ОКБД)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обчислювальних системах інформація на обробку надходить з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асоціативних запам’ятовуючих пристрої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запам’ятовуючих пристроях інформація вибира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о змісту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системах запам’ятовуючий масив необхідний дл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 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системах регістр асоціативних ознак необхідний дл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апису m-розрядного  компаранду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системах регістр маски необхідний дл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для маскування розрядів коду ознак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асоціативних системах регістр  індикаторів необхідний дл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для формування інформації про вибір необхідних комірок  згідно ознак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еред початком пошуку інформації в асоціативних запам’ятовуючих пристроях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всі розряди регістра індикаторів адреси встановлюються в «1»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Час пошуку інформації в запам’ятовуючому масиві залежить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числа та швидкості опитування розряд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Запам’ятовуючі елементи в асоціативних системах не дозволяють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мінювати конструктивну однорідність елемент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 xml:space="preserve">В асоціативних системах типу </w:t>
      </w:r>
      <w:r w:rsidRPr="00AE67DF">
        <w:rPr>
          <w:rFonts w:ascii="Times New Roman" w:hAnsi="Times New Roman"/>
        </w:rPr>
        <w:t>STARAN</w:t>
      </w:r>
      <w:r w:rsidRPr="00AE67DF">
        <w:rPr>
          <w:rFonts w:ascii="Times New Roman" w:hAnsi="Times New Roman"/>
          <w:lang w:val="ru-RU"/>
        </w:rPr>
        <w:t xml:space="preserve"> інтерфейс прямого доступу використову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для зв’язку з зовнішньою пам’ятю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 xml:space="preserve">В асоціативних системах типу </w:t>
      </w:r>
      <w:r w:rsidRPr="00AE67DF">
        <w:rPr>
          <w:rFonts w:ascii="Times New Roman" w:hAnsi="Times New Roman"/>
        </w:rPr>
        <w:t>STARAN</w:t>
      </w:r>
      <w:r w:rsidRPr="00AE67DF">
        <w:rPr>
          <w:rFonts w:ascii="Times New Roman" w:hAnsi="Times New Roman"/>
          <w:lang w:val="ru-RU"/>
        </w:rPr>
        <w:t xml:space="preserve"> інтерфейс буферизованого вводу-виводу використову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для зв’язку з периферійними пристроям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 xml:space="preserve">В асоціативних системах типу </w:t>
      </w:r>
      <w:r w:rsidRPr="00AE67DF">
        <w:rPr>
          <w:rFonts w:ascii="Times New Roman" w:hAnsi="Times New Roman"/>
        </w:rPr>
        <w:t>STARAN</w:t>
      </w:r>
      <w:r w:rsidRPr="00AE67DF">
        <w:rPr>
          <w:rFonts w:ascii="Times New Roman" w:hAnsi="Times New Roman"/>
          <w:lang w:val="ru-RU"/>
        </w:rPr>
        <w:t xml:space="preserve"> інтерфейс паралельного вводу-виводу використову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для зв’язку з високошвидкісними засобами введення виведення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Загальна структура матричних обчислювальних систем включає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роцесорні елементи, загальний керуючий пристрій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Багатомодальна логіка  не дозволяє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копіювати код операції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До матричних обчислювальних систем  не відносять,  системи типу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МИНИМАКС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Регістр моди - це спеціальний регістр на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Чотири стан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У потокових машинах використовується 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ринцип збереженої програм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Що є основою при побудові однорідної обчислювальної системи 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елементарні машин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Однорідна обчислювальна система це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укупність необмеженого числа однакових обробних пристрої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сновою для підвищення продуктивності систем з регульованою структурою є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аралелізм процесорів керування, доступу до даних і обробк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сновна перевага  систем з регульованою структурою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можливість необмеженого обєднання  мікроЕОМ в систему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числювальні системи з регулюємою структурою будуються на основі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мікропроцесорних модулів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сновні проблеми організації обчислень в системах з регулюємою структурою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побудові багатопроцесорних систем загального призначення найбільш економічним є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використання спеціалізованих процесор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Функціонально розподілені системи відносяться до класу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багато команд багато даних (БКБД)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>Телекомунікаційний процесор в функціонально розподілених системах виконує функцію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пеціалізація процесорів в функціонально розподілених системах на  мікропрограмному рівні забезпечу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творення за допомогою мікропрограм спеціалізованого набору операцій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Системи телеобробки це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укупність технічних та програмних засобів для обробки даних, переданих по каналах зв’язку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Абоненти в системах телеобробки підключаються до ЕОМ за допомогою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каналів зв’язку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Виділений канал це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 канал, що обслуговує єдиного абонента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Мультиплексований канал це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канал, що обслуговує декілька абонент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Багатоточкове з’єднання це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коли канал обслуговує декілька абонентів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Пропускна здатність каналу оцінює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 граничним числом біт, що передається по каналу за одиницю часу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Канали, що працюють без модуляції називають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телеграфним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Демодулятор виконує функцію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формує з модульованого сигналу імпульсний двійковий сигнал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При амплітудній модуляції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виробляється модуляція амплітуди несущої частот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Канал зв’язку називається синхронним якщо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передача й прийом даних проходить з постійною тактовою частотою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Мультиплексор передачі даних забезпечує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сполучення ЕОМ з декількома каналами передачі даних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Функції абонентських пунктів в системах телеобробки  можуть бути реалізовані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t xml:space="preserve">Алгоритм реалізації розподіленої загальної пам’яті ( </w:t>
      </w:r>
      <w:r w:rsidRPr="00AE67DF">
        <w:rPr>
          <w:rFonts w:ascii="Times New Roman" w:hAnsi="Times New Roman"/>
        </w:rPr>
        <w:t>DSM</w:t>
      </w:r>
      <w:r w:rsidRPr="00AE67DF">
        <w:rPr>
          <w:rFonts w:ascii="Times New Roman" w:hAnsi="Times New Roman"/>
          <w:lang w:val="uk-UA"/>
        </w:rPr>
        <w:t>) із «центральним сервером» передбачає що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апит до даних направляється в місце їхнього розташування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uk-UA"/>
        </w:rPr>
      </w:pPr>
      <w:r w:rsidRPr="00AE67DF">
        <w:rPr>
          <w:rFonts w:ascii="Times New Roman" w:hAnsi="Times New Roman"/>
          <w:lang w:val="uk-UA"/>
        </w:rPr>
        <w:lastRenderedPageBreak/>
        <w:t xml:space="preserve">Алгоритм реалізації розподіленої загальної пам’яті ( </w:t>
      </w:r>
      <w:r w:rsidRPr="00AE67DF">
        <w:rPr>
          <w:rFonts w:ascii="Times New Roman" w:hAnsi="Times New Roman"/>
        </w:rPr>
        <w:t>DSM</w:t>
      </w:r>
      <w:r w:rsidRPr="00AE67DF">
        <w:rPr>
          <w:rFonts w:ascii="Times New Roman" w:hAnsi="Times New Roman"/>
          <w:lang w:val="uk-UA"/>
        </w:rPr>
        <w:t>) із «алгоритмом повного розмноження» передбачає що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є можливість одночасного доступу до розділених даних по читанню і запису інформації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До першого рівня реалізації функцій у СОД віднося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36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технічні засоби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програмно керованій передачі дані передаються:</w:t>
      </w:r>
    </w:p>
    <w:p w:rsidR="00AE67DF" w:rsidRPr="00AE67DF" w:rsidRDefault="00AE67DF" w:rsidP="00FF6845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роцесор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 режимі прямого доступу дані передаю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через ОЗП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нцип побудови системи введення-виведення з загальним інтерфейсом передбачає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наявність загальної шини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нцип побудови системи введення-виведення з декількома інтерфейсами передбачає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 інша відповідь.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Канал, що працює в монопольному режимі назива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селекторним; 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Канал, що працює в режимі поділу часу назива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мультиплексним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</w:rPr>
      </w:pPr>
      <w:r w:rsidRPr="00AE67DF">
        <w:rPr>
          <w:rFonts w:ascii="Times New Roman" w:hAnsi="Times New Roman"/>
        </w:rPr>
        <w:t>Двохточкове з’єднання це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коли канал обслуговує єдиного абонента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Спеціалізація процесорів в функціонально розподілених системах на рівні структури забезпечу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за рахунок використання спеціальних регістрових структур і мікро операцій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Ядро функціонально розподілених систем забезпечує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інформаційне сполучення всіх пристроїв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Функціонально розподіленими називають системи які побудовані на основі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 xml:space="preserve">+різнотипних процесорів;  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Інформаційна взаємодія комп'ютерів у багатомашинній ОС (БОС)  не може бути організована на рівні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периферійних пристроїв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При безпосередній взаємодії процесорів один з одним в БОС  інформаційний зв'язок реалізу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через регістри процесорної пам'яті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lastRenderedPageBreak/>
        <w:t>Взаємодія  процесорів на рівні оперативної пам’яті в БОС реалізу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через  програмну реалізації загального поля оперативної пам'яті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Взаємодія  процесорів на  рівні каналів зв'язку  в БОС організовується:</w:t>
      </w:r>
    </w:p>
    <w:p w:rsidR="00AE67DF" w:rsidRP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драйверами зовнішніх пристроїв;</w:t>
      </w:r>
    </w:p>
    <w:p w:rsidR="00AE67DF" w:rsidRPr="00AE67DF" w:rsidRDefault="00AE67DF" w:rsidP="00AE67DF">
      <w:pPr>
        <w:pStyle w:val="ad"/>
        <w:numPr>
          <w:ilvl w:val="0"/>
          <w:numId w:val="11"/>
        </w:numPr>
        <w:suppressAutoHyphens w:val="0"/>
        <w:textAlignment w:val="auto"/>
        <w:outlineLvl w:val="0"/>
        <w:rPr>
          <w:rFonts w:ascii="Times New Roman" w:hAnsi="Times New Roman"/>
          <w:lang w:val="ru-RU"/>
        </w:rPr>
      </w:pPr>
      <w:r w:rsidRPr="00AE67DF">
        <w:rPr>
          <w:rFonts w:ascii="Times New Roman" w:hAnsi="Times New Roman"/>
          <w:lang w:val="ru-RU"/>
        </w:rPr>
        <w:t>Основними напрямками організацій паралельної обробки інформації не  являються:</w:t>
      </w:r>
    </w:p>
    <w:p w:rsidR="00AE67DF" w:rsidRDefault="00AE67DF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  <w:r w:rsidRPr="00AE67DF">
        <w:rPr>
          <w:rFonts w:ascii="Times New Roman" w:hAnsi="Times New Roman"/>
          <w:color w:val="000000"/>
          <w:lang w:val="uk-UA"/>
        </w:rPr>
        <w:t>+мультипроцесорна обробка інформації;</w:t>
      </w:r>
    </w:p>
    <w:p w:rsidR="005E3192" w:rsidRDefault="005E3192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  <w:color w:val="000000"/>
          <w:lang w:val="uk-UA"/>
        </w:rPr>
      </w:pPr>
    </w:p>
    <w:p w:rsidR="00D22A7D" w:rsidRPr="000114CD" w:rsidRDefault="00D22A7D" w:rsidP="000114CD">
      <w:pPr>
        <w:pStyle w:val="af8"/>
        <w:numPr>
          <w:ilvl w:val="0"/>
          <w:numId w:val="11"/>
        </w:numPr>
        <w:jc w:val="both"/>
        <w:rPr>
          <w:lang w:val="uk-UA"/>
        </w:rPr>
      </w:pPr>
      <w:r w:rsidRPr="000114CD">
        <w:rPr>
          <w:b/>
          <w:lang w:val="uk-UA"/>
        </w:rPr>
        <w:t>Обчислювальні комплекси відносяться</w:t>
      </w:r>
      <w:r w:rsidRPr="000114CD">
        <w:rPr>
          <w:lang w:val="uk-UA"/>
        </w:rPr>
        <w:t xml:space="preserve"> :</w:t>
      </w:r>
    </w:p>
    <w:p w:rsidR="00D22A7D" w:rsidRPr="000A60C9" w:rsidRDefault="00D22A7D" w:rsidP="000114CD">
      <w:pPr>
        <w:widowControl/>
        <w:suppressAutoHyphens w:val="0"/>
        <w:autoSpaceDN/>
        <w:ind w:left="720"/>
        <w:jc w:val="both"/>
        <w:textAlignment w:val="auto"/>
        <w:rPr>
          <w:lang w:val="uk-UA"/>
        </w:rPr>
      </w:pPr>
      <w:r>
        <w:rPr>
          <w:lang w:val="uk-UA"/>
        </w:rPr>
        <w:t xml:space="preserve">+до класу зосереджених </w:t>
      </w:r>
      <w:r w:rsidRPr="000A60C9">
        <w:rPr>
          <w:lang w:val="uk-UA"/>
        </w:rPr>
        <w:t xml:space="preserve"> 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jc w:val="both"/>
        <w:rPr>
          <w:b/>
          <w:lang w:val="uk-UA"/>
        </w:rPr>
      </w:pPr>
      <w:r w:rsidRPr="000114CD">
        <w:rPr>
          <w:b/>
          <w:lang w:val="uk-UA"/>
        </w:rPr>
        <w:t xml:space="preserve"> Обчислювальні системи відносяться:</w:t>
      </w:r>
    </w:p>
    <w:p w:rsidR="00D22A7D" w:rsidRPr="000A60C9" w:rsidRDefault="00D22A7D" w:rsidP="000114CD">
      <w:pPr>
        <w:widowControl/>
        <w:suppressAutoHyphens w:val="0"/>
        <w:autoSpaceDN/>
        <w:ind w:left="720"/>
        <w:jc w:val="both"/>
        <w:textAlignment w:val="auto"/>
        <w:rPr>
          <w:lang w:val="uk-UA"/>
        </w:rPr>
      </w:pPr>
      <w:r>
        <w:rPr>
          <w:lang w:val="uk-UA"/>
        </w:rPr>
        <w:t xml:space="preserve">+до класу зосереджених 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jc w:val="both"/>
        <w:rPr>
          <w:lang w:val="uk-UA"/>
        </w:rPr>
      </w:pPr>
      <w:r w:rsidRPr="000114CD">
        <w:rPr>
          <w:b/>
          <w:lang w:val="uk-UA"/>
        </w:rPr>
        <w:t xml:space="preserve"> Системи телеобробки це СОД призначені для</w:t>
      </w:r>
      <w:r w:rsidRPr="000114CD">
        <w:rPr>
          <w:lang w:val="uk-UA"/>
        </w:rPr>
        <w:t>:</w:t>
      </w:r>
    </w:p>
    <w:p w:rsidR="00D22A7D" w:rsidRPr="000A60C9" w:rsidRDefault="00D22A7D" w:rsidP="000114CD">
      <w:pPr>
        <w:widowControl/>
        <w:suppressAutoHyphens w:val="0"/>
        <w:autoSpaceDN/>
        <w:ind w:left="720"/>
        <w:jc w:val="both"/>
        <w:textAlignment w:val="auto"/>
        <w:rPr>
          <w:lang w:val="uk-UA"/>
        </w:rPr>
      </w:pPr>
      <w:r>
        <w:rPr>
          <w:lang w:val="uk-UA"/>
        </w:rPr>
        <w:t>+</w:t>
      </w:r>
      <w:r w:rsidRPr="000A60C9">
        <w:rPr>
          <w:lang w:val="uk-UA"/>
        </w:rPr>
        <w:t>пер</w:t>
      </w:r>
      <w:r>
        <w:rPr>
          <w:lang w:val="uk-UA"/>
        </w:rPr>
        <w:t>едачі даних по каналах зв’язку</w:t>
      </w:r>
      <w:r w:rsidRPr="000A60C9">
        <w:rPr>
          <w:lang w:val="uk-UA"/>
        </w:rPr>
        <w:t xml:space="preserve">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sz w:val="24"/>
        </w:rPr>
      </w:pPr>
      <w:r w:rsidRPr="0067691D">
        <w:rPr>
          <w:b/>
          <w:sz w:val="24"/>
        </w:rPr>
        <w:t xml:space="preserve"> Системи обробки даних це сукупність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sz w:val="24"/>
        </w:rPr>
      </w:pPr>
      <w:r>
        <w:rPr>
          <w:sz w:val="24"/>
        </w:rPr>
        <w:t>+</w:t>
      </w:r>
      <w:r w:rsidRPr="000A60C9">
        <w:rPr>
          <w:sz w:val="24"/>
        </w:rPr>
        <w:t>технічних засо</w:t>
      </w:r>
      <w:r>
        <w:rPr>
          <w:sz w:val="24"/>
        </w:rPr>
        <w:t>бів і програмного забезпечення</w:t>
      </w:r>
      <w:r w:rsidRPr="000A60C9">
        <w:rPr>
          <w:sz w:val="24"/>
        </w:rPr>
        <w:t xml:space="preserve">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sz w:val="24"/>
        </w:rPr>
      </w:pPr>
      <w:r w:rsidRPr="0067691D">
        <w:rPr>
          <w:b/>
          <w:sz w:val="24"/>
        </w:rPr>
        <w:t xml:space="preserve"> Переваги комплексів з перехресною комутацією:           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sz w:val="24"/>
        </w:rPr>
      </w:pPr>
      <w:r>
        <w:rPr>
          <w:sz w:val="24"/>
        </w:rPr>
        <w:t>+</w:t>
      </w:r>
      <w:r w:rsidRPr="000A60C9">
        <w:rPr>
          <w:sz w:val="24"/>
        </w:rPr>
        <w:t xml:space="preserve">можливість одночасного </w:t>
      </w:r>
      <w:r>
        <w:rPr>
          <w:sz w:val="24"/>
        </w:rPr>
        <w:t>зв’язку декількох пар пристроїв</w:t>
      </w:r>
      <w:r w:rsidRPr="000A60C9">
        <w:rPr>
          <w:sz w:val="24"/>
        </w:rPr>
        <w:t xml:space="preserve"> 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sz w:val="24"/>
        </w:rPr>
      </w:pPr>
      <w:r w:rsidRPr="0067691D">
        <w:rPr>
          <w:b/>
          <w:sz w:val="24"/>
        </w:rPr>
        <w:t xml:space="preserve"> Недоліки комплексів з багатовходовими ОЗП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sz w:val="24"/>
        </w:rPr>
      </w:pPr>
      <w:r>
        <w:rPr>
          <w:sz w:val="24"/>
        </w:rPr>
        <w:t>+</w:t>
      </w:r>
      <w:r w:rsidRPr="000A60C9">
        <w:rPr>
          <w:sz w:val="24"/>
        </w:rPr>
        <w:t>затруднен</w:t>
      </w:r>
      <w:r>
        <w:rPr>
          <w:sz w:val="24"/>
        </w:rPr>
        <w:t>ий доступ до інших модулів ОЗП</w:t>
      </w:r>
      <w:r w:rsidRPr="000A60C9">
        <w:rPr>
          <w:sz w:val="24"/>
        </w:rPr>
        <w:t xml:space="preserve">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jc w:val="left"/>
        <w:rPr>
          <w:b/>
          <w:sz w:val="24"/>
        </w:rPr>
      </w:pPr>
      <w:r w:rsidRPr="0067691D">
        <w:rPr>
          <w:b/>
          <w:sz w:val="24"/>
        </w:rPr>
        <w:t>В матричних обчислювальних системах «процесорний елемент»(ПЕ) складається з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jc w:val="left"/>
        <w:rPr>
          <w:sz w:val="24"/>
        </w:rPr>
      </w:pPr>
      <w:r>
        <w:rPr>
          <w:sz w:val="24"/>
        </w:rPr>
        <w:t>+процесора і ОЗП</w:t>
      </w:r>
      <w:r w:rsidRPr="000A60C9">
        <w:rPr>
          <w:sz w:val="24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jc w:val="both"/>
        <w:rPr>
          <w:b/>
          <w:lang w:val="uk-UA"/>
        </w:rPr>
      </w:pPr>
      <w:r w:rsidRPr="000114CD">
        <w:rPr>
          <w:b/>
          <w:lang w:val="uk-UA"/>
        </w:rPr>
        <w:t xml:space="preserve"> Основою проектування потокових машин є :</w:t>
      </w:r>
    </w:p>
    <w:p w:rsidR="00D22A7D" w:rsidRPr="000A60C9" w:rsidRDefault="00D22A7D" w:rsidP="000114CD">
      <w:pPr>
        <w:widowControl/>
        <w:suppressAutoHyphens w:val="0"/>
        <w:autoSpaceDN/>
        <w:ind w:left="720"/>
        <w:jc w:val="both"/>
        <w:textAlignment w:val="auto"/>
        <w:rPr>
          <w:lang w:val="uk-UA"/>
        </w:rPr>
      </w:pPr>
      <w:r>
        <w:rPr>
          <w:lang w:val="uk-UA"/>
        </w:rPr>
        <w:t>+</w:t>
      </w:r>
      <w:r w:rsidRPr="000A60C9">
        <w:rPr>
          <w:lang w:val="uk-UA"/>
        </w:rPr>
        <w:t>використання функціо</w:t>
      </w:r>
      <w:r>
        <w:rPr>
          <w:lang w:val="uk-UA"/>
        </w:rPr>
        <w:t>нальних мов</w:t>
      </w:r>
      <w:r w:rsidRPr="000A60C9">
        <w:rPr>
          <w:lang w:val="uk-UA"/>
        </w:rPr>
        <w:t xml:space="preserve"> 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color w:val="008000"/>
          <w:sz w:val="24"/>
        </w:rPr>
      </w:pPr>
      <w:r w:rsidRPr="0067691D">
        <w:rPr>
          <w:b/>
          <w:sz w:val="24"/>
        </w:rPr>
        <w:t xml:space="preserve"> Машинне слово в потокових машинах формується у </w:t>
      </w:r>
      <w:r w:rsidRPr="0067691D">
        <w:rPr>
          <w:b/>
          <w:color w:val="auto"/>
          <w:sz w:val="24"/>
        </w:rPr>
        <w:t>вигляді</w:t>
      </w:r>
      <w:r w:rsidRPr="0067691D">
        <w:rPr>
          <w:b/>
          <w:color w:val="008000"/>
          <w:sz w:val="24"/>
        </w:rPr>
        <w:t>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color w:val="auto"/>
          <w:sz w:val="24"/>
        </w:rPr>
      </w:pPr>
      <w:r>
        <w:rPr>
          <w:color w:val="auto"/>
          <w:sz w:val="24"/>
        </w:rPr>
        <w:t>+графа потоку даних</w:t>
      </w:r>
      <w:r w:rsidRPr="000A60C9">
        <w:rPr>
          <w:color w:val="auto"/>
          <w:sz w:val="24"/>
        </w:rPr>
        <w:t xml:space="preserve"> 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sz w:val="24"/>
        </w:rPr>
      </w:pPr>
      <w:r w:rsidRPr="0067691D">
        <w:rPr>
          <w:b/>
          <w:sz w:val="24"/>
        </w:rPr>
        <w:t xml:space="preserve"> Однорідне  обчислювальне середовище це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jc w:val="left"/>
        <w:rPr>
          <w:sz w:val="24"/>
        </w:rPr>
      </w:pPr>
      <w:r>
        <w:rPr>
          <w:sz w:val="24"/>
        </w:rPr>
        <w:t>+N – мірна гратчаста структура</w:t>
      </w:r>
      <w:r w:rsidRPr="000A60C9">
        <w:rPr>
          <w:sz w:val="24"/>
        </w:rPr>
        <w:t xml:space="preserve"> </w:t>
      </w:r>
    </w:p>
    <w:p w:rsidR="00D22A7D" w:rsidRPr="0067691D" w:rsidRDefault="00D22A7D" w:rsidP="000114CD">
      <w:pPr>
        <w:pStyle w:val="1"/>
        <w:numPr>
          <w:ilvl w:val="0"/>
          <w:numId w:val="11"/>
        </w:numPr>
        <w:rPr>
          <w:b/>
          <w:sz w:val="24"/>
          <w:szCs w:val="24"/>
          <w:lang w:val="uk-UA"/>
        </w:rPr>
      </w:pPr>
      <w:r w:rsidRPr="0067691D">
        <w:rPr>
          <w:b/>
          <w:sz w:val="24"/>
          <w:szCs w:val="24"/>
          <w:lang w:val="uk-UA"/>
        </w:rPr>
        <w:t xml:space="preserve"> В системах з регулюємою структурою раалізовано:</w:t>
      </w:r>
    </w:p>
    <w:p w:rsidR="00D22A7D" w:rsidRPr="000A60C9" w:rsidRDefault="00D22A7D" w:rsidP="000114CD">
      <w:pPr>
        <w:pStyle w:val="1"/>
        <w:ind w:left="720" w:firstLine="0"/>
        <w:rPr>
          <w:sz w:val="24"/>
          <w:szCs w:val="24"/>
          <w:lang w:val="uk-UA"/>
        </w:rPr>
      </w:pPr>
      <w:r>
        <w:rPr>
          <w:sz w:val="24"/>
          <w:szCs w:val="24"/>
          <w:lang w:val="uk-UA"/>
        </w:rPr>
        <w:t>+розподілене керування ресурсами</w:t>
      </w:r>
      <w:r w:rsidRPr="000A60C9">
        <w:rPr>
          <w:sz w:val="24"/>
          <w:szCs w:val="24"/>
          <w:lang w:val="uk-UA"/>
        </w:rPr>
        <w:t xml:space="preserve">  </w:t>
      </w:r>
    </w:p>
    <w:p w:rsidR="00D22A7D" w:rsidRPr="000A60C9" w:rsidRDefault="00D22A7D" w:rsidP="000114CD">
      <w:pPr>
        <w:pStyle w:val="afa"/>
        <w:numPr>
          <w:ilvl w:val="0"/>
          <w:numId w:val="11"/>
        </w:numPr>
        <w:spacing w:line="240" w:lineRule="auto"/>
        <w:rPr>
          <w:sz w:val="24"/>
        </w:rPr>
      </w:pPr>
      <w:r w:rsidRPr="0067691D">
        <w:rPr>
          <w:b/>
          <w:sz w:val="24"/>
        </w:rPr>
        <w:t xml:space="preserve"> Спеціалізація процесорів в функціонально розподілених системах на  мікропрограмному рівні забезпечується</w:t>
      </w:r>
      <w:r w:rsidRPr="000A60C9">
        <w:rPr>
          <w:sz w:val="24"/>
        </w:rPr>
        <w:t>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sz w:val="24"/>
        </w:rPr>
      </w:pPr>
      <w:r>
        <w:rPr>
          <w:sz w:val="24"/>
        </w:rPr>
        <w:t>+</w:t>
      </w:r>
      <w:r w:rsidRPr="000A60C9">
        <w:rPr>
          <w:sz w:val="24"/>
        </w:rPr>
        <w:t>створення за допомогою мікропрограм спеціалізованого наб</w:t>
      </w:r>
      <w:r>
        <w:rPr>
          <w:sz w:val="24"/>
        </w:rPr>
        <w:t>ору операцій</w:t>
      </w:r>
      <w:r w:rsidRPr="000A60C9">
        <w:rPr>
          <w:sz w:val="24"/>
        </w:rPr>
        <w:t xml:space="preserve">  </w:t>
      </w:r>
    </w:p>
    <w:p w:rsidR="00D22A7D" w:rsidRPr="0067691D" w:rsidRDefault="00D22A7D" w:rsidP="000114CD">
      <w:pPr>
        <w:pStyle w:val="afa"/>
        <w:numPr>
          <w:ilvl w:val="0"/>
          <w:numId w:val="11"/>
        </w:numPr>
        <w:spacing w:line="240" w:lineRule="auto"/>
        <w:rPr>
          <w:b/>
          <w:sz w:val="24"/>
        </w:rPr>
      </w:pPr>
      <w:r w:rsidRPr="0067691D">
        <w:rPr>
          <w:b/>
          <w:sz w:val="24"/>
        </w:rPr>
        <w:t xml:space="preserve"> Спеціалізація процесорів в функціонально розподілених системах на  програмному рівні забезпечується:</w:t>
      </w:r>
    </w:p>
    <w:p w:rsidR="00D22A7D" w:rsidRPr="000A60C9" w:rsidRDefault="00D22A7D" w:rsidP="000114CD">
      <w:pPr>
        <w:pStyle w:val="afa"/>
        <w:spacing w:line="240" w:lineRule="auto"/>
        <w:ind w:left="720" w:firstLine="0"/>
        <w:rPr>
          <w:sz w:val="24"/>
        </w:rPr>
      </w:pPr>
      <w:r>
        <w:rPr>
          <w:sz w:val="24"/>
        </w:rPr>
        <w:t>+</w:t>
      </w:r>
      <w:r w:rsidRPr="000A60C9">
        <w:rPr>
          <w:sz w:val="24"/>
        </w:rPr>
        <w:t>завантаження в проце</w:t>
      </w:r>
      <w:r>
        <w:rPr>
          <w:sz w:val="24"/>
        </w:rPr>
        <w:t>сор відповідного набору програм</w:t>
      </w:r>
      <w:r w:rsidRPr="000A60C9">
        <w:rPr>
          <w:sz w:val="24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Канал зв’язку в системах телеобробки складається:</w:t>
      </w:r>
    </w:p>
    <w:p w:rsidR="00D22A7D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</w:t>
      </w:r>
      <w:r w:rsidRPr="00325768">
        <w:rPr>
          <w:lang w:val="uk-UA"/>
        </w:rPr>
        <w:t xml:space="preserve"> </w:t>
      </w:r>
      <w:r w:rsidRPr="000A60C9">
        <w:rPr>
          <w:lang w:val="uk-UA"/>
        </w:rPr>
        <w:t>апаратури передачі даних</w:t>
      </w:r>
      <w:r>
        <w:rPr>
          <w:lang w:val="uk-UA"/>
        </w:rPr>
        <w:t xml:space="preserve"> та </w:t>
      </w:r>
      <w:r w:rsidRPr="000A60C9">
        <w:rPr>
          <w:lang w:val="uk-UA"/>
        </w:rPr>
        <w:t>ліній зв’язку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Смуга частот це 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нижняя і верхняя границя частот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lang w:val="uk-UA"/>
        </w:rPr>
      </w:pPr>
      <w:r w:rsidRPr="000114CD">
        <w:rPr>
          <w:b/>
          <w:lang w:val="uk-UA"/>
        </w:rPr>
        <w:t xml:space="preserve"> Модулятор виконує функцію</w:t>
      </w:r>
      <w:r w:rsidRPr="000114CD">
        <w:rPr>
          <w:lang w:val="uk-UA"/>
        </w:rPr>
        <w:t>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</w:t>
      </w:r>
      <w:r w:rsidRPr="000A60C9">
        <w:rPr>
          <w:lang w:val="uk-UA"/>
        </w:rPr>
        <w:t xml:space="preserve">переміщає спектр первинного сигналу в смугу частот каналу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При частотній модуляції: 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lastRenderedPageBreak/>
        <w:t>+</w:t>
      </w:r>
      <w:r w:rsidRPr="000A60C9">
        <w:rPr>
          <w:lang w:val="uk-UA"/>
        </w:rPr>
        <w:t>проводиться передача двійк</w:t>
      </w:r>
      <w:r>
        <w:rPr>
          <w:lang w:val="uk-UA"/>
        </w:rPr>
        <w:t>ових сигналів з різною частотою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При фазовій модуляції: 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</w:t>
      </w:r>
      <w:r w:rsidRPr="000A60C9">
        <w:rPr>
          <w:lang w:val="uk-UA"/>
        </w:rPr>
        <w:t>проводиться передача двійкових сигналів з р</w:t>
      </w:r>
      <w:r>
        <w:rPr>
          <w:lang w:val="uk-UA"/>
        </w:rPr>
        <w:t>ізною фазою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Дискретні способи модуляції застосовуються для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</w:t>
      </w:r>
      <w:r w:rsidRPr="000A60C9">
        <w:rPr>
          <w:lang w:val="uk-UA"/>
        </w:rPr>
        <w:t>перетворенн</w:t>
      </w:r>
      <w:r>
        <w:rPr>
          <w:lang w:val="uk-UA"/>
        </w:rPr>
        <w:t>я аналогових сигналів в цифрові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Симплексний канал дозволяє передавати дані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в одному напрямку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Напівдуплексний канал дозволяє передавати дані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інша відповідь</w:t>
      </w:r>
      <w:r w:rsidRPr="000A60C9">
        <w:rPr>
          <w:lang w:val="uk-UA"/>
        </w:rPr>
        <w:t xml:space="preserve"> 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Дуплексний канал дозволяє передавати дані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інша відповідь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b/>
          <w:lang w:val="uk-UA"/>
        </w:rPr>
      </w:pPr>
      <w:r w:rsidRPr="000114CD">
        <w:rPr>
          <w:b/>
          <w:lang w:val="uk-UA"/>
        </w:rPr>
        <w:t xml:space="preserve"> Лінійний адаптер- пристрій, що забезпечує:</w:t>
      </w:r>
    </w:p>
    <w:p w:rsidR="00D22A7D" w:rsidRPr="000A60C9" w:rsidRDefault="00D22A7D" w:rsidP="000114CD">
      <w:pPr>
        <w:widowControl/>
        <w:suppressAutoHyphens w:val="0"/>
        <w:autoSpaceDN/>
        <w:ind w:left="720"/>
        <w:textAlignment w:val="auto"/>
        <w:rPr>
          <w:lang w:val="uk-UA"/>
        </w:rPr>
      </w:pPr>
      <w:r>
        <w:rPr>
          <w:lang w:val="uk-UA"/>
        </w:rPr>
        <w:t>+інша відповідь</w:t>
      </w:r>
      <w:r w:rsidRPr="000A60C9">
        <w:rPr>
          <w:lang w:val="uk-UA"/>
        </w:rPr>
        <w:t xml:space="preserve">  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rPr>
          <w:rFonts w:ascii="Times New Roman CYR" w:hAnsi="Times New Roman CYR"/>
          <w:lang w:val="uk-UA"/>
        </w:rPr>
      </w:pPr>
      <w:r w:rsidRPr="000114CD">
        <w:rPr>
          <w:rFonts w:ascii="Times New Roman CYR" w:hAnsi="Times New Roman CYR"/>
          <w:b/>
          <w:lang w:val="uk-UA"/>
        </w:rPr>
        <w:t xml:space="preserve"> </w:t>
      </w:r>
      <w:r w:rsidRPr="000114CD">
        <w:rPr>
          <w:rFonts w:ascii="Times New Roman CYR" w:hAnsi="Times New Roman CYR"/>
          <w:b/>
        </w:rPr>
        <w:t xml:space="preserve">Обчислювальний процес можна представити </w:t>
      </w:r>
      <w:r w:rsidRPr="000114CD">
        <w:rPr>
          <w:rFonts w:ascii="Times New Roman CYR" w:hAnsi="Times New Roman CYR"/>
          <w:b/>
          <w:lang w:val="uk-UA"/>
        </w:rPr>
        <w:t>м</w:t>
      </w:r>
      <w:r w:rsidRPr="000114CD">
        <w:rPr>
          <w:rFonts w:ascii="Times New Roman CYR" w:hAnsi="Times New Roman CYR"/>
          <w:b/>
        </w:rPr>
        <w:t>арк</w:t>
      </w:r>
      <w:r w:rsidRPr="000114CD">
        <w:rPr>
          <w:rFonts w:ascii="Times New Roman CYR" w:hAnsi="Times New Roman CYR"/>
          <w:b/>
          <w:lang w:val="uk-UA"/>
        </w:rPr>
        <w:t>і</w:t>
      </w:r>
      <w:r w:rsidRPr="000114CD">
        <w:rPr>
          <w:rFonts w:ascii="Times New Roman CYR" w:hAnsi="Times New Roman CYR"/>
          <w:b/>
        </w:rPr>
        <w:t>вським процесом, якщо</w:t>
      </w:r>
      <w:r w:rsidRPr="000114CD">
        <w:rPr>
          <w:rFonts w:ascii="Times New Roman CYR" w:hAnsi="Times New Roman CYR"/>
          <w:lang w:val="uk-UA"/>
        </w:rPr>
        <w:t>:</w:t>
      </w:r>
    </w:p>
    <w:p w:rsidR="00D22A7D" w:rsidRDefault="00D22A7D" w:rsidP="000114CD">
      <w:pPr>
        <w:widowControl/>
        <w:suppressAutoHyphens w:val="0"/>
        <w:autoSpaceDN/>
        <w:ind w:left="720"/>
        <w:textAlignment w:val="auto"/>
        <w:rPr>
          <w:rFonts w:ascii="Times New Roman CYR" w:hAnsi="Times New Roman CYR"/>
          <w:lang w:val="uk-UA"/>
        </w:rPr>
      </w:pPr>
      <w:r>
        <w:rPr>
          <w:rFonts w:ascii="Times New Roman CYR" w:hAnsi="Times New Roman CYR"/>
          <w:lang w:val="uk-UA"/>
        </w:rPr>
        <w:t>+</w:t>
      </w:r>
      <w:r>
        <w:rPr>
          <w:lang w:val="uk-UA"/>
        </w:rPr>
        <w:t>інша відповідь</w:t>
      </w:r>
    </w:p>
    <w:p w:rsidR="00D22A7D" w:rsidRPr="000114CD" w:rsidRDefault="00D22A7D" w:rsidP="000114CD">
      <w:pPr>
        <w:pStyle w:val="af8"/>
        <w:numPr>
          <w:ilvl w:val="0"/>
          <w:numId w:val="11"/>
        </w:numPr>
        <w:jc w:val="both"/>
        <w:rPr>
          <w:rFonts w:ascii="Times New Roman CYR" w:hAnsi="Times New Roman CYR"/>
          <w:b/>
        </w:rPr>
      </w:pPr>
      <w:r w:rsidRPr="000114CD">
        <w:rPr>
          <w:rFonts w:ascii="Times New Roman CYR" w:hAnsi="Times New Roman CYR"/>
          <w:b/>
        </w:rPr>
        <w:t xml:space="preserve"> Граф алгоритму є коректним, якщо виконуються такі умови:</w:t>
      </w:r>
    </w:p>
    <w:p w:rsidR="00D22A7D" w:rsidRPr="009C69B2" w:rsidRDefault="00D22A7D" w:rsidP="000114CD">
      <w:pPr>
        <w:widowControl/>
        <w:suppressAutoHyphens w:val="0"/>
        <w:autoSpaceDN/>
        <w:ind w:left="720"/>
        <w:jc w:val="both"/>
        <w:textAlignment w:val="auto"/>
        <w:rPr>
          <w:rFonts w:ascii="Times New Roman CYR" w:hAnsi="Times New Roman CYR"/>
        </w:rPr>
      </w:pPr>
      <w:r>
        <w:rPr>
          <w:rFonts w:ascii="Times New Roman CYR" w:hAnsi="Times New Roman CYR"/>
          <w:lang w:val="uk-UA"/>
        </w:rPr>
        <w:t>+</w:t>
      </w:r>
      <w:r w:rsidRPr="00F72AF8">
        <w:rPr>
          <w:lang w:val="uk-UA"/>
        </w:rPr>
        <w:t xml:space="preserve"> </w:t>
      </w:r>
      <w:r>
        <w:rPr>
          <w:lang w:val="uk-UA"/>
        </w:rPr>
        <w:t>інша відповідь</w:t>
      </w:r>
    </w:p>
    <w:p w:rsidR="005E3192" w:rsidRPr="00AE67DF" w:rsidRDefault="005E3192" w:rsidP="00332FCC">
      <w:pPr>
        <w:pStyle w:val="a1"/>
        <w:numPr>
          <w:ilvl w:val="0"/>
          <w:numId w:val="0"/>
        </w:numPr>
        <w:suppressAutoHyphens w:val="0"/>
        <w:spacing w:after="0"/>
        <w:ind w:left="720"/>
        <w:textAlignment w:val="auto"/>
        <w:rPr>
          <w:rFonts w:ascii="Times New Roman" w:hAnsi="Times New Roman"/>
        </w:rPr>
      </w:pPr>
    </w:p>
    <w:p w:rsidR="00A326C3" w:rsidRDefault="00A326C3">
      <w:pPr>
        <w:pStyle w:val="a1"/>
        <w:numPr>
          <w:ilvl w:val="0"/>
          <w:numId w:val="0"/>
        </w:numPr>
        <w:tabs>
          <w:tab w:val="left" w:pos="0"/>
        </w:tabs>
        <w:spacing w:after="0"/>
        <w:ind w:left="360"/>
        <w:rPr>
          <w:rFonts w:ascii="Times New Roman" w:hAnsi="Times New Roman"/>
          <w:lang w:val="uk-UA"/>
        </w:rPr>
      </w:pPr>
    </w:p>
    <w:p w:rsidR="00E200B2" w:rsidRDefault="00E200B2" w:rsidP="00E200B2">
      <w:pPr>
        <w:pStyle w:val="ad"/>
        <w:spacing w:before="0" w:after="0"/>
        <w:ind w:left="680"/>
        <w:jc w:val="center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Комп'ютерні мережі</w:t>
      </w:r>
    </w:p>
    <w:p w:rsidR="001E057C" w:rsidRPr="001E057C" w:rsidRDefault="001E057C" w:rsidP="001E057C">
      <w:pPr>
        <w:pStyle w:val="a0"/>
        <w:rPr>
          <w:lang w:val="uk-UA"/>
        </w:rPr>
      </w:pP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Cs/>
          <w:sz w:val="22"/>
          <w:szCs w:val="22"/>
        </w:rPr>
      </w:pPr>
      <w:r>
        <w:rPr>
          <w:rFonts w:ascii="Times New Roman" w:hAnsi="Times New Roman"/>
          <w:bCs/>
          <w:sz w:val="22"/>
          <w:szCs w:val="22"/>
        </w:rPr>
        <w:t>Суть поняття локальної комп'ютерної мережі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осереджена на території  1-2км, побудована з використанням високоякісних ліній зв'язку, надає послуги в режимі on-line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уть поняття глобальної комп'ютерної мережі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оєднує комп'ютери на відстані сотень і тисяч кілометрів та призначена для передачі даних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уть поняття міської комп'ютерної мережі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користовують цифрові оптоволоконні лінії зв'язку зі швидкостями до 155Мбіт/с і з'єднують локальні мережі між собою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уть поняття обчислювальної мережі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 сукупність комп'ютерів, об'єднаних лініями зв'язк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тандартні мережні технології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Ethernet, FDDI, Token Ring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звіть правильне твердження для локальних і глобальних мереж кінця 80-х років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широкий набір мережних послуг для локальних мереж і обмежений в основному електронною поштою для глобальних мереж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вимоги до протоколів глобальних мереж вийшли на перший план в 90-х роках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 xml:space="preserve">+процедури забезпечення гарантованої середньої швидкості доставки інформації й механізми пріоритетної обробки пакетів 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нуль-модемне з'єднання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ідключення двох комп'ютерів кабелем через COM – порти, що реалізують інтерфейс RS-232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основну функцію виконує драйвер COM - порту разом з контролером COM - порту при нуль - модемному з'єднанні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Cs/>
          <w:sz w:val="22"/>
          <w:szCs w:val="22"/>
          <w:lang w:val="uk-UA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Які функції виконує службовий модуль - клієнт при обміні даними по мережі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виконує функції формування повідомлень-запитів до віддаленої машини й прийому результатів для всіх додатк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функції виконує спеціалізована програма - сервер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остійно очікує приходу запитів на віддалений доступ до файлів, розташованих на диску цього комп'ютер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найдіть суть визначення топології мережі - шина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мп'ютери підключені вздовж до одного кабеля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ий кабель використовується для підключення до концентратора, що має тільки роз</w:t>
      </w:r>
      <w:r>
        <w:rPr>
          <w:rFonts w:ascii="Times New Roman" w:hAnsi="Times New Roman"/>
          <w:b w:val="0"/>
          <w:color w:val="000000"/>
          <w:sz w:val="22"/>
          <w:szCs w:val="22"/>
          <w:lang w:val="uk-UA"/>
        </w:rPr>
        <w:t>'</w:t>
      </w:r>
      <w:r>
        <w:rPr>
          <w:rFonts w:ascii="Times New Roman" w:hAnsi="Times New Roman"/>
          <w:b w:val="0"/>
          <w:sz w:val="22"/>
          <w:szCs w:val="22"/>
          <w:lang w:val="uk-UA"/>
        </w:rPr>
        <w:t>єм RJ-45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ручена пара типу STP, UTP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звіть максимальну довжину сегмента кабелю стандарту 10Base-T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00 метр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ий роз</w:t>
      </w:r>
      <w:r>
        <w:rPr>
          <w:rFonts w:ascii="Times New Roman" w:hAnsi="Times New Roman"/>
          <w:b w:val="0"/>
          <w:color w:val="000000"/>
          <w:sz w:val="22"/>
          <w:szCs w:val="22"/>
          <w:lang w:val="uk-UA"/>
        </w:rPr>
        <w:t>'</w:t>
      </w:r>
      <w:r>
        <w:rPr>
          <w:rFonts w:ascii="Times New Roman" w:hAnsi="Times New Roman"/>
          <w:b w:val="0"/>
          <w:sz w:val="22"/>
          <w:szCs w:val="22"/>
          <w:lang w:val="uk-UA"/>
        </w:rPr>
        <w:t>єм використовується для підключення повторювача до товстого кабелю Ethernet стандарту 10Base5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AUI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протоколи в стекові TCP/IP використовуються для збору маршрутної інформації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RIP, OSPF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протокол використовується для керування мережним устаткуванням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Simple Network Management Protocol (SNMP)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ля чого використовується маска в IP - мережі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ля розмежування номера мережі й номера вузл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е максимальне число вузлів може бути в мережі класу C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254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маску мережі необхідно використати, щоб побудувати мережу з 14-ма вузлами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255.255. 255. 240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Розсилання яких пакетів називають широкомовним повідомленням (broadcast)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якщо в полі номера вузла призначення стоять тільки одиниц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адресу має назва loopback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IP адреса, перший байт якої дорівнює 127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декомпозиція завдань мережної взаємодії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 розбивка одного складного завдання на простіші завдання-модул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протокол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изначіть найбільш правильне поняття інтерфейсу для багаторівневого підходу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заємодія модулів один з одним, що перебувають на одному вузлі, відповідно до чітко певних правил і за допомогою стандартизованих форматів повідомлен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стек комунікаційних протоколів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єрархічно організований набір протоколів, достатній для організації взаємодії вузлів у мереж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е поняття моделі взаємодії відкритих систем OSI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изначає рівні взаємодії систем з комутацією пакетів, дає їм імена й вказує, які функції повинен виконувати кожний рівен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 яких частин складається повідомлення, формоване конкретним рівнем моделі OSI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Скільки заголовків одержує повідомлення від прикладного до фізичного рівня для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7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термін для позначення одиниць обміну даними застосовується мережними фахівцями для позначення одиниць обміну даними на канальному рівні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frame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 передачею яких даних має справу фізичний рівень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бітів по коаксіальному кабелю, крученій парі, оптоволоконному кабелю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ведіть приклад протоколу фізичного рів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пецифікація 10Base-T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о призначення канального рів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еревіряє доступність середовища передачі даних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авдання канального рів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еалізація механізмів виявлення й корекції помилок,  адресації комп'ютер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о протоколи канального рів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Ethernet, Token Ring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Основне завдання протоколу канального рівня для глобальних мереж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ідновлювати перекручені й загублені кадри у зв'язку з поганою якістю територіальних канал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розуміють під мережею на мережному рівні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укупність комп'ютерів, з'єднаних відповідно до однієї зі стандартних типових топологий, які використовують для передачі один із протоколів канального рівня, що відповідає цій топології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маршрутизатор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истрій, що збирає інформацію про топологію міжмережних з'єднань і на її підставі пересилає пакети мережного рівня в мережу призначення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означає поняття хоп (Hop)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я деяка кількість транзитних передач між мережами, для передачі повідомлення від комп'ютера відправника до комп'ютера одержувачев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значте поняття мережного протоколу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 протоколи, які реалізують просування пакетів через мереж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ля чого протокол маршрутизації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 допомогою цих протоколів маршрутизатори збирають інформацію про топологію міжмережних з'єднан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з перерахованих протоколів можна віднести до мережного рівня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ARP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Для чого потрібний транспортний рівень моделі OSI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безпечує додаткам передачу даних з тим ступенем надійності, що їм потрібно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 xml:space="preserve">Приклад протоколів транспортного рівня 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TCP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авдання, які виконуються сеансовим рівнем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фіксує, яка зі сторін є активною в даний момент, надає засоби синхронізації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авдання рівня представлен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й рівень має справу з формою подання переданої по мережі інформації, не міняючи при цьому її зміст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називають одиницю даних, якою оперує прикладний рівень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овідомленням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о протоколи прикладного рівня моделі OSI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FTP, SMB, NFS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три рівні моделі OSI є мережнозалежними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фізичний, канальний, мережний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рівень моделі OSI є проміжним, що приховує деталі функціонування нижніх рівнів від верхніх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транспортний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отоколи прикладного рівня стека OSI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X.400, X.500, VTP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особливості протоколу TCP/IP, що дозволяють ефективно його використовувати в глобальних мережах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датність фрагментації пакетів, ощадливе використання широкомовних розсилан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Чому стек IPX/SPX недостатньо добре працював у більших корпоративних мережах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й стек занадто перевантажував повільні глобальні зв'язки широкомовними пакетами, які інтенсивно використовувалися декількома протоколами цього стек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Чому  протокол NETBEUI застосовується тільки в локальних мережах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 допомогою цього протоколу неможлива маршрутизація пакет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служби реалізуються на базі протоколу SMB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файлові служби, служби друку, набору й передачі повідомлень між додатками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послідовність входжень необхідно виконати, щоб перевірити правильність установки ip адреси, шлюзу, маски, DNS сервера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а служба повинна бути встановлена в системі Windows XP, що дозволить комп'ютерам мережі звертатися до ресурсів даного комп'ютера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служба доступу до файлів і принтерів мереж Microsoft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якій послідовності виконується підключення до файлових ресурсів іншого комп'ютера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lastRenderedPageBreak/>
        <w:t>З яким протоколом прикладного рівня працює пакет Samba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SMB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о служби, які надає пакет Samba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адавати у вигляді ресурсу одну або більше файлову систем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чому перевага технології поділюваного середовища для побудови локальних мереж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Чому для підвищення популярності локальних мереж і розширення їхніх сфер застосування усе більше застосовуються мости, комутатори, маршрутизатори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і мережні пристрої знімали обмеження єдиного поділюваного середовища передачі даних (обмеження по продуктивності й надійності)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означає перехід до мікросегментації при побудові локальних мереж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це перехід до застосування активних комутаторів, до яких кінцеві вузли приєднуються індивідуальними лініями зв'язк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означає повнодуплексний режим роботи комутатора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мережний адаптер може одночасно передавати свої дані в мережу й приймати з мережі чужі дан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Коли і якою організацією був організований комітет зі стандартизації локальних мереж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ститутом інженерів з електротехніки й радіоелектроніки (IEEE) в 1980 роц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На які два рівні розділений канальний рівень у відповідності зі стандартами IEEE 802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ерування логічним каналом (LLC) і керування доступом до середовища (MAC)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значення MAC рівня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безпечує коректне спільне використання загального середовища передачі даних, надаючи її в розпорядження того або іншого вузла відповідно до певного алгоритм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значення рівня LLC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ідповідає за передачу з різним ступенем надійності кадрів даних між вузлами, а також реалізує функції інтерфейсу із прилягаючим до нього мережним рівнем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стандарти розробляються підкомітетом IEEE 802.1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гальні визначення локальних мереж і їхніх властивостей, визначений зв'язок моделі IEEE 802 з моделлю ISO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ми питаннями займається підкомітет IEEE 802.3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Ethernet з методом доступу CSMA/CD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ий підкомітет займається стандартами, що описують логіку роботи прозорого мосту/комутатора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IEEE 802.1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інформацію протоколи мережного рівня передають для протоколу LLC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 xml:space="preserve">+свій пакет (IP, IPX) , адресну інформацію про вузол призначення, вимоги до якості транспортних послуг, які повинен забезпечити протокол LLC 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являє собою процедура без установлення з'єднань і без підтвердження одержання даних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являє собою дейтаграмний режим роботи, що дає користувачеві засоби для передачі даних з мінімумом витрат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оцедуру LLC без установлення з'єднання, але з підтвердженням одержання даних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Cs/>
          <w:sz w:val="22"/>
          <w:szCs w:val="22"/>
          <w:lang w:val="uk-UA"/>
        </w:rPr>
      </w:pPr>
      <w:r>
        <w:rPr>
          <w:rFonts w:ascii="Times New Roman" w:hAnsi="Times New Roman"/>
          <w:bCs/>
          <w:sz w:val="22"/>
          <w:szCs w:val="22"/>
          <w:lang w:val="uk-UA"/>
        </w:rPr>
        <w:t>Поняття інформаційних кадрів рівня LLC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изначені для передачі інформації в процедурах із установленням логічного з'єднання й повинні обов'язково містити поле інформації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значення керуючих кадрів рівня LLC</w:t>
      </w:r>
    </w:p>
    <w:p w:rsidR="00E200B2" w:rsidRDefault="00E200B2" w:rsidP="00E200B2">
      <w:pPr>
        <w:pStyle w:val="a0"/>
        <w:numPr>
          <w:ilvl w:val="0"/>
          <w:numId w:val="0"/>
        </w:numPr>
        <w:tabs>
          <w:tab w:val="left" w:pos="360"/>
        </w:tabs>
        <w:spacing w:after="0"/>
        <w:ind w:left="360" w:hanging="360"/>
        <w:rPr>
          <w:rFonts w:ascii="Times New Roman" w:hAnsi="Times New Roman"/>
          <w:color w:val="000000"/>
          <w:sz w:val="22"/>
          <w:szCs w:val="22"/>
          <w:lang w:val="uk-UA"/>
        </w:rPr>
      </w:pP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 xml:space="preserve">+призначені для передачі команд і відповідей у процедурах із установленням логічного з'єднання LLC2 у тому числі запитів на повторну передачу перекручених інформаційних блоків 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поля містить кадр LLC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оле даних і заголовок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поля входять до складу заголовка кадру LLC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адреса точки входу служби, адреса точки входу служби джерела й керуюче поле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значення поля даних кадру LLC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для передачі по мережі пакетів протоколів вищерозміщених рівнів – мережних IP, IPX, прикладних, якщо вони вкладають свої повідомлення безпосередньо в кадри канального рівня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Призначення адресних полів DSAP і SSAP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вказують, яка служба верхнього рівня пересилає дані за допомогою цього кадр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Зі скількох байт складається поле керування для режиму LLC1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 байт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типи кадрів використовуються в режимі LLC1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енумеровані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яких кадрах використовується поле для вказівки номера відправленого кадру й номера кадру, що приймач очікує одержати від передавача наступним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формаційних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якому випадку на рівні LLC приймач вважає прийнятим кадр від передавача коректним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ли N(S) = V(R)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якому випадку використовується команда RR з номером N(R) на рівні LLC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ли потік даних від приймача до передавача відсутній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У яких мережах використовується метод доступу до середовища передачі даних CSMA/CD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Ethernet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ий запис MAC адреси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00-89-aa-cd-4b-8a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з перерахованих нижче MAC адрес є широкомовною (broadcast)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0xffffffffffff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MAC адресу, що належить виробникові Cisco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00-00-0c-a9-ba-cf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є ознакою зайнятості поділюваної мережі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несуча частота 5-10МГц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е означення преамбули мережі Ethernet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Чому дорівнює тривалість технологічної паузи (міжкадровий інтервал) для мережі Ethernet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Коли виникає колізія в мережі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ли дві станції намагаються одночасно передати кадр по загальному середовищу, що приводить до зіткнення кадрів і перекручування інформації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а умова повинна бути виконана для надійного розпізнавання колізій у мережі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час передачі кадру мінімальної довжини більше часу, за який сигнал повинен двічі пройти між найбільш віддаленими станціями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Чому дорівнює час передачі кадру мінімальної довжини в стандартному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575 бітових інтервал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Що таке PDV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иберіть правильно довжину преамбули для кадру мережі Ethernet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иберіть максимальне число робочих станцій у стандартній мережі Ethernet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кажіть максимальну відстань між вузлами мережі для стандарту 10Base-2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кажіть максимальне число повторювачів між будь-якими станціями мережі для стандартної мережі Ethernet, що використовує мідний кабель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иберіть правильне поняття домена колізій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частина мережі Ethernet, всі вузли якої розпізнають колізію незалежно від того, в якій частині мережі колізія виникл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кажіть, чому рівний час проходження кадрів мінімальної довжини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При збільшенні довжини кадру для мережі Ethernet корисна пропускна спроможність мережі збільшується або зменшується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збільшується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форматів кадрів рівня MAC мережі Ethernet застосовується в даний час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Виберіть якнайповнішу відповідь: які поля входять до складу всіх типів кадрів рівня MAC мережі Ethernet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реамбула, адреса джерела, адреса призначення, довжина поля даних, поле даних, контрольна сум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аналізатором протоколів буде відображена MAC адреса  80-00-A7-F0-00-00 рівня MAC мережі Ethernet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У чому різниця між кадрами Raw 802.3/Novell 802.3 і Ethernet DIX/Ethernet II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 проводиться автоматичне розпізнавання  різних кадрів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еревіряється спочатку поле  EtherType. Далі перевіряється наявність або відсутність полів LLC. Якщо поля LLC існують, то перевіряється значення полів DSAP і SSAP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равильне визначення специфікації 10Base-5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коаксіальний кабель діаметром 0.5 дюйми. Має хвильовий опір 50 Ом. Максимальна довжина сегменту 500 метр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а марка кабелю використовується для стандарту 10Base-5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Для чого призначений трансивер в стандарті 10Base-5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ля підключення комп'ютера до кабелю «Товстий Ethernet»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 детектор колізій визначає наявність колізій в коаксіальному кабелі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по підвищеному рівню постійної складової сигнал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тандарт передбачає підключення до мережі 10Base-5 п'ять сегментів. До  скількох з них можуть бути підключені комп'ютери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ий використовується кабель і яка довжина сегменту стандарту 10Base-2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 комп'ютери підключаються до коаксіального кабелю стандарту 10Base-2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за допомогою високочастотного (BNC) T – коннектора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Скільки може бути навантажених сегментів в стандарті 10Base-2 і яке максимальне число вузлів може бути приєднане до навантаженого сегменту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ий кабель використовується як середовище передачі даних для стандарту 10Base-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ві неекрановані виті пари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бітову швидкість і яку відстань між комп'ютером і концентратором передбачає стандарт 10Base-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10Мбіт/с і 100 метр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Виберіть переваги, якими володіють мережі стандарту 10Base-T в порівнянні з коаксіальними варіантами Ethernet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розділення загального фізичного кабелю на окремі кабельні відрізки, підключені до центрального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Який тип кабелю звичайно використовується для створення 10-ти мегабітної оптоволоконної мережі Ethernet?</w:t>
      </w:r>
    </w:p>
    <w:p w:rsidR="00E200B2" w:rsidRDefault="00E200B2" w:rsidP="00B1761E">
      <w:pPr>
        <w:pStyle w:val="a0"/>
        <w:numPr>
          <w:ilvl w:val="0"/>
          <w:numId w:val="19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інша відповідь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У чому різниця між стандартами FOIRL і 10Base-FL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у другому стандарті за рахунок збільшення потужності передавачів збільшилася відстань між вузлом і концентратором до 2000 метрів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b w:val="0"/>
          <w:sz w:val="22"/>
          <w:szCs w:val="22"/>
          <w:lang w:val="uk-UA"/>
        </w:rPr>
      </w:pPr>
      <w:r>
        <w:rPr>
          <w:rFonts w:ascii="Times New Roman" w:hAnsi="Times New Roman"/>
          <w:b w:val="0"/>
          <w:sz w:val="22"/>
          <w:szCs w:val="22"/>
          <w:lang w:val="uk-UA"/>
        </w:rPr>
        <w:t>На якому рівні  зосереджені відмінності технологій Ethernet і Fast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фізичному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у структури використовує мережа Fast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>+деревовидну структуру, аналогічну побудованій на концентраторах як і в мережі 10Base-T/10Base-F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і параметри рівня MAC змінилися при переході від Ethernet до Fast Ethernet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t xml:space="preserve">+міжкадровий інтервал (IPG – 0.96 мкс) і бітовий інтервал (0.01 мкс) </w:t>
      </w:r>
    </w:p>
    <w:p w:rsidR="00E200B2" w:rsidRDefault="00E200B2" w:rsidP="001F2F26">
      <w:pPr>
        <w:pStyle w:val="ad"/>
        <w:numPr>
          <w:ilvl w:val="0"/>
          <w:numId w:val="11"/>
        </w:numPr>
        <w:tabs>
          <w:tab w:val="left" w:pos="680"/>
        </w:tabs>
        <w:autoSpaceDN/>
        <w:spacing w:before="0" w:after="0"/>
        <w:textAlignment w:val="auto"/>
        <w:rPr>
          <w:rFonts w:ascii="Times New Roman" w:hAnsi="Times New Roman"/>
          <w:sz w:val="22"/>
          <w:szCs w:val="22"/>
          <w:lang w:val="uk-UA"/>
        </w:rPr>
      </w:pPr>
      <w:r>
        <w:rPr>
          <w:rFonts w:ascii="Times New Roman" w:hAnsi="Times New Roman"/>
          <w:sz w:val="22"/>
          <w:szCs w:val="22"/>
          <w:lang w:val="uk-UA"/>
        </w:rPr>
        <w:t>Яке кодування використовує специфікація 100Base-FX для представлення даних при передачі по кабелю?</w:t>
      </w:r>
    </w:p>
    <w:p w:rsidR="00E200B2" w:rsidRDefault="00E200B2" w:rsidP="00B1761E">
      <w:pPr>
        <w:pStyle w:val="a1"/>
        <w:numPr>
          <w:ilvl w:val="0"/>
          <w:numId w:val="18"/>
        </w:numPr>
        <w:tabs>
          <w:tab w:val="left" w:pos="360"/>
        </w:tabs>
        <w:autoSpaceDN/>
        <w:spacing w:after="0"/>
        <w:textAlignment w:val="auto"/>
        <w:rPr>
          <w:rFonts w:ascii="Times New Roman" w:hAnsi="Times New Roman"/>
          <w:color w:val="000000"/>
          <w:sz w:val="22"/>
          <w:szCs w:val="22"/>
          <w:lang w:val="uk-UA"/>
        </w:rPr>
      </w:pPr>
      <w:r>
        <w:rPr>
          <w:rFonts w:ascii="Times New Roman" w:hAnsi="Times New Roman"/>
          <w:color w:val="000000"/>
          <w:sz w:val="22"/>
          <w:szCs w:val="22"/>
          <w:lang w:val="uk-UA"/>
        </w:rPr>
        <w:lastRenderedPageBreak/>
        <w:t>+надмірний код 4В/5В</w:t>
      </w:r>
    </w:p>
    <w:p w:rsidR="00E200B2" w:rsidRDefault="00E200B2" w:rsidP="00E200B2">
      <w:pPr>
        <w:pStyle w:val="a0"/>
        <w:numPr>
          <w:ilvl w:val="0"/>
          <w:numId w:val="0"/>
        </w:numPr>
        <w:tabs>
          <w:tab w:val="left" w:pos="360"/>
        </w:tabs>
        <w:spacing w:after="0"/>
        <w:ind w:left="360" w:hanging="360"/>
        <w:rPr>
          <w:rFonts w:ascii="Times New Roman" w:hAnsi="Times New Roman"/>
          <w:color w:val="000000"/>
          <w:sz w:val="22"/>
          <w:szCs w:val="22"/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Перелічіть мережні пристрої, які можуть працювати з усіма існуючими зараз форматами кадру рівня MAC мережі </w:t>
      </w:r>
      <w:r w:rsidRPr="001102FB">
        <w:rPr>
          <w:lang w:val="en-US"/>
        </w:rPr>
        <w:t>Ethernet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г) Мережні адаптери, комутатори, маршрутизатори *</w:t>
      </w:r>
    </w:p>
    <w:p w:rsidR="00AB2F7E" w:rsidRPr="009F0BE6" w:rsidRDefault="00AB2F7E" w:rsidP="00AB2F7E">
      <w:pPr>
        <w:rPr>
          <w:b/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Вкажіть правильні розміри полів преамбули, адреси призначення, адреси джерела, довжини даних, даних, контрольної суми кадру рівня MAC мережі </w:t>
      </w:r>
      <w:r w:rsidRPr="001102FB">
        <w:rPr>
          <w:lang w:val="en-US"/>
        </w:rPr>
        <w:t>Ethernet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б) 8, 6, 6, 2, 46-1500, 4 *</w:t>
      </w:r>
    </w:p>
    <w:p w:rsidR="00AB2F7E" w:rsidRPr="00AB2F7E" w:rsidRDefault="00AB2F7E" w:rsidP="00AB2F7E"/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Виберіть правильно різницю між кадрами 802.3/LLC і </w:t>
      </w:r>
      <w:r w:rsidRPr="001102FB">
        <w:rPr>
          <w:lang w:val="en-US"/>
        </w:rPr>
        <w:t>Raw</w:t>
      </w:r>
      <w:r w:rsidRPr="001102FB">
        <w:rPr>
          <w:lang w:val="uk-UA"/>
        </w:rPr>
        <w:t xml:space="preserve"> 802.3/Novell 802.3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б) У першому кадрі підрівня MAC вкладений кадр підрівня LLC, у другому він відсутній *</w:t>
      </w:r>
    </w:p>
    <w:p w:rsidR="00AB2F7E" w:rsidRP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bookmarkStart w:id="0" w:name="_GoBack"/>
      <w:bookmarkEnd w:id="0"/>
      <w:r w:rsidRPr="001102FB">
        <w:rPr>
          <w:lang w:val="uk-UA"/>
        </w:rPr>
        <w:t xml:space="preserve">Кому належить розробка кадру </w:t>
      </w:r>
      <w:r w:rsidRPr="001102FB">
        <w:rPr>
          <w:lang w:val="en-US"/>
        </w:rPr>
        <w:t>Ethernet</w:t>
      </w:r>
      <w:r w:rsidRPr="001102FB">
        <w:rPr>
          <w:lang w:val="uk-UA"/>
        </w:rPr>
        <w:t xml:space="preserve"> SNAP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Комітетові IEEE 802.2 *</w:t>
      </w:r>
    </w:p>
    <w:p w:rsidR="00AB2F7E" w:rsidRP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У чому різниця між кадрами 802.3/LLC і </w:t>
      </w:r>
      <w:r w:rsidRPr="001102FB">
        <w:rPr>
          <w:lang w:val="en-US"/>
        </w:rPr>
        <w:t>Ethernet</w:t>
      </w:r>
      <w:r w:rsidRPr="001102FB">
        <w:rPr>
          <w:lang w:val="uk-UA"/>
        </w:rPr>
        <w:t xml:space="preserve"> SNAP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 xml:space="preserve">а) Внаслідок введення додаткового заголовка SNAP в кадр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SNAP *</w:t>
      </w:r>
    </w:p>
    <w:p w:rsidR="00AB2F7E" w:rsidRPr="00AC184F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Виберіть, які протоколи підтримують кадри </w:t>
      </w:r>
      <w:r w:rsidRPr="001102FB">
        <w:rPr>
          <w:lang w:val="en-US"/>
        </w:rPr>
        <w:t>Ethernet</w:t>
      </w:r>
      <w:r w:rsidRPr="001102FB">
        <w:rPr>
          <w:lang w:val="uk-UA"/>
        </w:rPr>
        <w:t xml:space="preserve"> </w:t>
      </w:r>
      <w:r w:rsidRPr="001102FB">
        <w:rPr>
          <w:lang w:val="en-US"/>
        </w:rPr>
        <w:t>II</w:t>
      </w:r>
    </w:p>
    <w:p w:rsidR="00AB2F7E" w:rsidRPr="001102FB" w:rsidRDefault="00AB2F7E" w:rsidP="001102FB">
      <w:pPr>
        <w:pStyle w:val="af8"/>
        <w:rPr>
          <w:lang w:val="en-US"/>
        </w:rPr>
      </w:pPr>
      <w:r w:rsidRPr="001102FB">
        <w:rPr>
          <w:lang w:val="en-US"/>
        </w:rPr>
        <w:t>г) IPX, IP, AppleTalk Phase I *</w:t>
      </w:r>
    </w:p>
    <w:p w:rsidR="00AB2F7E" w:rsidRPr="005B5ADD" w:rsidRDefault="00AB2F7E" w:rsidP="00AB2F7E">
      <w:pPr>
        <w:rPr>
          <w:lang w:val="en-US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ий фізичної специфікації відповідає визначення «Кабель на основі неекранованої витої пари. Утворює зіркоподібну топологію на основі концентратора. Відстань між концентратором і кінцевим вузлом не більше 100 метрів »</w:t>
      </w:r>
    </w:p>
    <w:p w:rsidR="00AB2F7E" w:rsidRPr="001102FB" w:rsidRDefault="00AB2F7E" w:rsidP="001102FB">
      <w:pPr>
        <w:pStyle w:val="af8"/>
        <w:rPr>
          <w:lang w:val="en-US"/>
        </w:rPr>
      </w:pPr>
      <w:r w:rsidRPr="001102FB">
        <w:rPr>
          <w:lang w:val="en-US"/>
        </w:rPr>
        <w:t>б) 10Base-T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а максимальна довжина сегмента і топологія відповідає специфікації 10Base-FL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б) 2000 метрів, топологія відповідає стандарту 10Base-T *</w:t>
      </w:r>
    </w:p>
    <w:p w:rsidR="00AB2F7E" w:rsidRPr="005B5ADD" w:rsidRDefault="00AB2F7E" w:rsidP="00AB2F7E">
      <w:pPr>
        <w:rPr>
          <w:lang w:val="uk-UA"/>
        </w:rPr>
      </w:pPr>
    </w:p>
    <w:p w:rsidR="00AB2F7E" w:rsidRPr="005B5ADD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>Для чого використовують термінатори в мережі стандарту 10Base-5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г) Поглинають поширювані по кабелю сигнали і перешкоджають виникненню відбитих сигналів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Якій максимальний час </w:t>
      </w:r>
      <w:r w:rsidRPr="001102FB">
        <w:rPr>
          <w:lang w:val="en-US"/>
        </w:rPr>
        <w:t>jabber</w:t>
      </w:r>
      <w:r w:rsidRPr="001102FB">
        <w:rPr>
          <w:lang w:val="uk-UA"/>
        </w:rPr>
        <w:t xml:space="preserve"> - контролю встановлюється на передавачі трансивера 10Base-5 для захисту кабелю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від некоректної роботи адаптера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г) 4000 мкс *</w:t>
      </w:r>
    </w:p>
    <w:p w:rsidR="00AB2F7E" w:rsidRPr="00FF1C64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Чому дорівнює максимальне число кінцевих вузлів в мережі 10Base-5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б) 99х3 - 297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>Скільки повторювачів передбачає використання стандарту 10Base-2 і яка максимальна довжина такої мережі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4 повторювача і довжина 925 метрів *</w:t>
      </w:r>
    </w:p>
    <w:p w:rsidR="00AB2F7E" w:rsidRPr="00D82529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Скільки термінаторів і яким номіналом необхідно встановити їх в мережі стандарту 10Base-2 на довжині 925 метрів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10 термінаторів по 50 Ом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Коли був прийнятий стандарт 10Base-T і яке він має позначення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а) У 1991 році і позначається як IEEE 802.3i *</w:t>
      </w:r>
    </w:p>
    <w:p w:rsidR="00AB2F7E" w:rsidRPr="00D82529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>Яке мережне обладнання використовується для стандарту 10Base-T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а) Концентратори *</w:t>
      </w:r>
    </w:p>
    <w:p w:rsidR="00AB2F7E" w:rsidRPr="00D82529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Вкажіть максимальне число концентраторів, яке можна встановити між двома будь-якими станціями мережі стандарту 10Base-T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4</w:t>
      </w:r>
      <w:r w:rsidRPr="001102FB">
        <w:rPr>
          <w:lang w:val="uk-UA"/>
        </w:rPr>
        <w:tab/>
        <w:t>*</w:t>
      </w:r>
    </w:p>
    <w:p w:rsidR="00AB2F7E" w:rsidRPr="00622812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Чи можливо в стандарті 10Base-T створення паралельних каналів зв'язку між критично важливими концентраторами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а) Неможливо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у максимальну кількість станцій можна встановити в мережі 10Base-T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б) 1024 *</w:t>
      </w:r>
    </w:p>
    <w:p w:rsidR="00AB2F7E" w:rsidRPr="00162913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і мережні пристрої виконують тест зв'язності (</w:t>
      </w:r>
      <w:r w:rsidRPr="001102FB">
        <w:rPr>
          <w:lang w:val="en-AU"/>
        </w:rPr>
        <w:t>link</w:t>
      </w:r>
      <w:r w:rsidRPr="001102FB">
        <w:rPr>
          <w:lang w:val="uk-UA"/>
        </w:rPr>
        <w:t xml:space="preserve"> </w:t>
      </w:r>
      <w:r w:rsidRPr="001102FB">
        <w:rPr>
          <w:lang w:val="en-AU"/>
        </w:rPr>
        <w:t>test</w:t>
      </w:r>
      <w:r w:rsidRPr="001102FB">
        <w:rPr>
          <w:lang w:val="uk-UA"/>
        </w:rPr>
        <w:t xml:space="preserve">) у стандартній мережі </w:t>
      </w:r>
      <w:r w:rsidRPr="001102FB">
        <w:rPr>
          <w:lang w:val="en-AU"/>
        </w:rPr>
        <w:t>Ethernet</w:t>
      </w:r>
      <w:r w:rsidRPr="001102FB">
        <w:rPr>
          <w:lang w:val="uk-UA"/>
        </w:rPr>
        <w:t>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послідовність імпульсів між передавачем і приймачем решт кручений пари *</w:t>
      </w:r>
    </w:p>
    <w:p w:rsidR="00AB2F7E" w:rsidRPr="00162913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ому стандарту функціонально відповідає мереж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на оптичному кабелі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10Base-T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а максимальна довжина оптоволоконного кабелю між повторювачами і максимальна довжина мережі відповідає стандарту FOIRL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1000 метрів і 2500 метрів *</w:t>
      </w:r>
    </w:p>
    <w:p w:rsidR="00AB2F7E" w:rsidRPr="007C3E0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>За рахунок чого вдалося в стандарті 10Base-FB збільшити число повторювачів між парою вузлів до 5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спеціальними послідовностями сигналів для підтримки синхронізації *</w:t>
      </w:r>
    </w:p>
    <w:p w:rsidR="00AB2F7E" w:rsidRPr="007C3E0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Хто став ініціатором і в якому році була створена технологія </w:t>
      </w:r>
      <w:r w:rsidRPr="001102FB">
        <w:rPr>
          <w:lang w:val="en-AU"/>
        </w:rPr>
        <w:t>Fast</w:t>
      </w:r>
      <w:r w:rsidRPr="001102FB">
        <w:rPr>
          <w:lang w:val="uk-UA"/>
        </w:rPr>
        <w:t xml:space="preserve"> </w:t>
      </w:r>
      <w:r w:rsidRPr="001102FB">
        <w:rPr>
          <w:lang w:val="en-AU"/>
        </w:rPr>
        <w:t>Ethernet</w:t>
      </w:r>
      <w:r w:rsidRPr="001102FB">
        <w:rPr>
          <w:lang w:val="uk-UA"/>
        </w:rPr>
        <w:t>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 xml:space="preserve">б) Компанії </w:t>
      </w:r>
      <w:r w:rsidRPr="001102FB">
        <w:rPr>
          <w:lang w:val="en-AU"/>
        </w:rPr>
        <w:t>SynOptics</w:t>
      </w:r>
      <w:r w:rsidRPr="001102FB">
        <w:rPr>
          <w:lang w:val="uk-UA"/>
        </w:rPr>
        <w:t>, 3Com та інші в 1992 році *</w:t>
      </w:r>
    </w:p>
    <w:p w:rsidR="00AB2F7E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ий метод доступу до розділюваной середи був запропонований коаліцією Hewlett-Packard і AT&amp;T для розробки стандарту мережної технології, що зберігає технологію </w:t>
      </w:r>
      <w:r w:rsidRPr="001102FB">
        <w:rPr>
          <w:lang w:val="en-AU"/>
        </w:rPr>
        <w:t>Ethernet</w:t>
      </w:r>
      <w:r w:rsidRPr="001102FB">
        <w:rPr>
          <w:lang w:val="uk-UA"/>
        </w:rPr>
        <w:t>?</w:t>
      </w:r>
    </w:p>
    <w:p w:rsidR="00AB2F7E" w:rsidRPr="001102FB" w:rsidRDefault="00AB2F7E" w:rsidP="001102FB">
      <w:pPr>
        <w:pStyle w:val="af8"/>
        <w:rPr>
          <w:lang w:val="en-AU"/>
        </w:rPr>
      </w:pPr>
      <w:r w:rsidRPr="001102FB">
        <w:rPr>
          <w:lang w:val="en-AU"/>
        </w:rPr>
        <w:t>б) Demand Priority *</w:t>
      </w:r>
    </w:p>
    <w:p w:rsidR="00AB2F7E" w:rsidRPr="005B0C55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Вкажіть стандарт, який описує технологію </w:t>
      </w:r>
      <w:r w:rsidRPr="001102FB">
        <w:rPr>
          <w:lang w:val="en-AU"/>
        </w:rPr>
        <w:t>Fast</w:t>
      </w:r>
      <w:r w:rsidRPr="001102FB">
        <w:t xml:space="preserve"> </w:t>
      </w:r>
      <w:r w:rsidRPr="001102FB">
        <w:rPr>
          <w:lang w:val="en-AU"/>
        </w:rPr>
        <w:t>Ethernet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IEEE 802.3u *</w:t>
      </w:r>
    </w:p>
    <w:p w:rsidR="00AB2F7E" w:rsidRPr="005B0C55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У чому полягає основна відмінність мережі </w:t>
      </w:r>
      <w:r w:rsidRPr="001102FB">
        <w:rPr>
          <w:lang w:val="en-AU"/>
        </w:rPr>
        <w:t>Fast</w:t>
      </w:r>
      <w:r w:rsidRPr="001102FB">
        <w:rPr>
          <w:lang w:val="uk-UA"/>
        </w:rPr>
        <w:t xml:space="preserve">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від мережі </w:t>
      </w:r>
      <w:r w:rsidRPr="001102FB">
        <w:rPr>
          <w:lang w:val="en-AU"/>
        </w:rPr>
        <w:t>Ethernet</w:t>
      </w:r>
      <w:r w:rsidRPr="001102FB">
        <w:rPr>
          <w:lang w:val="uk-UA"/>
        </w:rPr>
        <w:t>, побудованих на концентраторах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а) Скороченням діаметра мережі приблизно до 200 метрів за рахунок зменшення часу передачі кадру мінімальної довжини в 10 разів *</w:t>
      </w:r>
    </w:p>
    <w:p w:rsidR="00AB2F7E" w:rsidRPr="005B0C55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а специфікація </w:t>
      </w:r>
      <w:r w:rsidRPr="001102FB">
        <w:rPr>
          <w:lang w:val="en-AU"/>
        </w:rPr>
        <w:t>Fast</w:t>
      </w:r>
      <w:r w:rsidRPr="001102FB">
        <w:rPr>
          <w:lang w:val="uk-UA"/>
        </w:rPr>
        <w:t xml:space="preserve">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відповідає використанню двохпарного кабелю на неекранованої кручений парі категорії 5 або екранованій кручений парі STP Type 1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а) 100Base-TX *</w:t>
      </w:r>
    </w:p>
    <w:p w:rsidR="00AB2F7E" w:rsidRPr="003D38A7" w:rsidRDefault="00AB2F7E" w:rsidP="00AB2F7E">
      <w:pPr>
        <w:rPr>
          <w:lang w:val="uk-UA"/>
        </w:rPr>
      </w:pPr>
    </w:p>
    <w:p w:rsidR="00AB2F7E" w:rsidRPr="001102FB" w:rsidRDefault="00AB2F7E" w:rsidP="001102FB">
      <w:pPr>
        <w:pStyle w:val="af8"/>
        <w:numPr>
          <w:ilvl w:val="0"/>
          <w:numId w:val="11"/>
        </w:numPr>
        <w:rPr>
          <w:lang w:val="uk-UA"/>
        </w:rPr>
      </w:pPr>
      <w:r w:rsidRPr="001102FB">
        <w:rPr>
          <w:lang w:val="uk-UA"/>
        </w:rPr>
        <w:t xml:space="preserve"> Яка специфікація </w:t>
      </w:r>
      <w:r w:rsidRPr="001102FB">
        <w:rPr>
          <w:lang w:val="en-AU"/>
        </w:rPr>
        <w:t>Fast</w:t>
      </w:r>
      <w:r w:rsidRPr="001102FB">
        <w:rPr>
          <w:lang w:val="uk-UA"/>
        </w:rPr>
        <w:t xml:space="preserve"> </w:t>
      </w:r>
      <w:r w:rsidRPr="001102FB">
        <w:rPr>
          <w:lang w:val="en-AU"/>
        </w:rPr>
        <w:t>Ethernet</w:t>
      </w:r>
      <w:r w:rsidRPr="001102FB">
        <w:rPr>
          <w:lang w:val="uk-UA"/>
        </w:rPr>
        <w:t xml:space="preserve"> відповідає використанню чотирипарного кабелю на неекранованої кручений парі категорій 3, 4 або 5?</w:t>
      </w:r>
    </w:p>
    <w:p w:rsidR="00AB2F7E" w:rsidRPr="001102FB" w:rsidRDefault="00AB2F7E" w:rsidP="001102FB">
      <w:pPr>
        <w:pStyle w:val="af8"/>
        <w:rPr>
          <w:lang w:val="uk-UA"/>
        </w:rPr>
      </w:pPr>
      <w:r w:rsidRPr="001102FB">
        <w:rPr>
          <w:lang w:val="uk-UA"/>
        </w:rPr>
        <w:t>в) 100Base-T4 *</w:t>
      </w:r>
    </w:p>
    <w:sectPr w:rsidR="00AB2F7E" w:rsidRPr="001102FB">
      <w:pgSz w:w="12240" w:h="15840"/>
      <w:pgMar w:top="907" w:right="510" w:bottom="907" w:left="102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611BC8" w:rsidRDefault="00611BC8">
      <w:r>
        <w:separator/>
      </w:r>
    </w:p>
  </w:endnote>
  <w:endnote w:type="continuationSeparator" w:id="0">
    <w:p w:rsidR="00611BC8" w:rsidRDefault="00611BC8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ourier New">
    <w:panose1 w:val="02070309020205020404"/>
    <w:charset w:val="CC"/>
    <w:family w:val="modern"/>
    <w:pitch w:val="fixed"/>
    <w:sig w:usb0="E0002AFF" w:usb1="C0007843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CC"/>
    <w:family w:val="swiss"/>
    <w:pitch w:val="variable"/>
    <w:sig w:usb0="E0002AFF" w:usb1="C0007843" w:usb2="00000009" w:usb3="00000000" w:csb0="000001FF" w:csb1="00000000"/>
  </w:font>
  <w:font w:name="Verdana">
    <w:panose1 w:val="020B0604030504040204"/>
    <w:charset w:val="CC"/>
    <w:family w:val="swiss"/>
    <w:pitch w:val="variable"/>
    <w:sig w:usb0="A10006FF" w:usb1="4000205B" w:usb2="00000010" w:usb3="00000000" w:csb0="0000019F" w:csb1="00000000"/>
  </w:font>
  <w:font w:name="Tahoma">
    <w:panose1 w:val="020B0604030504040204"/>
    <w:charset w:val="CC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CC"/>
    <w:family w:val="swiss"/>
    <w:pitch w:val="variable"/>
    <w:sig w:usb0="E00002FF" w:usb1="4000ACFF" w:usb2="00000001" w:usb3="00000000" w:csb0="0000019F" w:csb1="00000000"/>
  </w:font>
  <w:font w:name="Times New Roman CYR">
    <w:panose1 w:val="02020603050405020304"/>
    <w:charset w:val="CC"/>
    <w:family w:val="roman"/>
    <w:pitch w:val="variable"/>
    <w:sig w:usb0="E0002EFF" w:usb1="C0007843" w:usb2="00000009" w:usb3="00000000" w:csb0="000001FF" w:csb1="00000000"/>
  </w:font>
  <w:font w:name="Calibri Light">
    <w:panose1 w:val="020F0302020204030204"/>
    <w:charset w:val="CC"/>
    <w:family w:val="swiss"/>
    <w:pitch w:val="variable"/>
    <w:sig w:usb0="A00002EF" w:usb1="4000207B" w:usb2="00000000" w:usb3="00000000" w:csb0="0000019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611BC8" w:rsidRDefault="00611BC8">
      <w:r>
        <w:rPr>
          <w:color w:val="000000"/>
        </w:rPr>
        <w:separator/>
      </w:r>
    </w:p>
  </w:footnote>
  <w:footnote w:type="continuationSeparator" w:id="0">
    <w:p w:rsidR="00611BC8" w:rsidRDefault="00611BC8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0000002"/>
    <w:multiLevelType w:val="singleLevel"/>
    <w:tmpl w:val="00000002"/>
    <w:name w:val="WW8Num2"/>
    <w:lvl w:ilvl="0">
      <w:start w:val="1"/>
      <w:numFmt w:val="bullet"/>
      <w:lvlText w:val="o"/>
      <w:lvlJc w:val="left"/>
      <w:pPr>
        <w:tabs>
          <w:tab w:val="num" w:pos="360"/>
        </w:tabs>
        <w:ind w:left="360" w:hanging="360"/>
      </w:pPr>
      <w:rPr>
        <w:rFonts w:ascii="Courier New" w:hAnsi="Courier New"/>
      </w:rPr>
    </w:lvl>
  </w:abstractNum>
  <w:abstractNum w:abstractNumId="1" w15:restartNumberingAfterBreak="0">
    <w:nsid w:val="00000003"/>
    <w:multiLevelType w:val="multilevel"/>
    <w:tmpl w:val="00000003"/>
    <w:name w:val="WW8Num3"/>
    <w:lvl w:ilvl="0">
      <w:start w:val="1"/>
      <w:numFmt w:val="decimal"/>
      <w:lvlText w:val="%1."/>
      <w:lvlJc w:val="left"/>
      <w:pPr>
        <w:tabs>
          <w:tab w:val="num" w:pos="680"/>
        </w:tabs>
        <w:ind w:left="680" w:hanging="396"/>
      </w:pPr>
    </w:lvl>
    <w:lvl w:ilvl="1">
      <w:start w:val="1"/>
      <w:numFmt w:val="decimal"/>
      <w:lvlText w:val="%1.%2."/>
      <w:lvlJc w:val="left"/>
      <w:pPr>
        <w:tabs>
          <w:tab w:val="num" w:pos="792"/>
        </w:tabs>
        <w:ind w:left="792" w:hanging="432"/>
      </w:p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</w:lvl>
  </w:abstractNum>
  <w:abstractNum w:abstractNumId="2" w15:restartNumberingAfterBreak="0">
    <w:nsid w:val="00000004"/>
    <w:multiLevelType w:val="singleLevel"/>
    <w:tmpl w:val="00000004"/>
    <w:name w:val="WW8Num4"/>
    <w:lvl w:ilvl="0">
      <w:start w:val="1"/>
      <w:numFmt w:val="bullet"/>
      <w:lvlText w:val="o"/>
      <w:lvlJc w:val="left"/>
      <w:pPr>
        <w:tabs>
          <w:tab w:val="num" w:pos="360"/>
        </w:tabs>
        <w:ind w:left="360" w:hanging="360"/>
      </w:pPr>
      <w:rPr>
        <w:rFonts w:ascii="Courier New" w:hAnsi="Courier New"/>
      </w:rPr>
    </w:lvl>
  </w:abstractNum>
  <w:abstractNum w:abstractNumId="3" w15:restartNumberingAfterBreak="0">
    <w:nsid w:val="000000FC"/>
    <w:multiLevelType w:val="multilevel"/>
    <w:tmpl w:val="000000FC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4" w15:restartNumberingAfterBreak="0">
    <w:nsid w:val="000000FD"/>
    <w:multiLevelType w:val="multilevel"/>
    <w:tmpl w:val="000000FD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5" w15:restartNumberingAfterBreak="0">
    <w:nsid w:val="000000FE"/>
    <w:multiLevelType w:val="multilevel"/>
    <w:tmpl w:val="000000FE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6" w15:restartNumberingAfterBreak="0">
    <w:nsid w:val="00000100"/>
    <w:multiLevelType w:val="multilevel"/>
    <w:tmpl w:val="00000100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7" w15:restartNumberingAfterBreak="0">
    <w:nsid w:val="00000101"/>
    <w:multiLevelType w:val="multilevel"/>
    <w:tmpl w:val="00000101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 w:cs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8" w15:restartNumberingAfterBreak="0">
    <w:nsid w:val="00000125"/>
    <w:multiLevelType w:val="multilevel"/>
    <w:tmpl w:val="00000125"/>
    <w:lvl w:ilvl="0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0" w:firstLine="0"/>
      </w:pPr>
      <w:rPr>
        <w:rFonts w:ascii="Symbol" w:hAnsi="Symbol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0" w:firstLine="0"/>
      </w:pPr>
      <w:rPr>
        <w:rFonts w:ascii="Courier New" w:hAnsi="Courier New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0" w:firstLine="0"/>
      </w:pPr>
      <w:rPr>
        <w:rFonts w:ascii="Wingdings" w:hAnsi="Wingdings"/>
      </w:rPr>
    </w:lvl>
  </w:abstractNum>
  <w:abstractNum w:abstractNumId="9" w15:restartNumberingAfterBreak="0">
    <w:nsid w:val="00DF14BF"/>
    <w:multiLevelType w:val="hybridMultilevel"/>
    <w:tmpl w:val="136086E6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0A4523F8"/>
    <w:multiLevelType w:val="multilevel"/>
    <w:tmpl w:val="1EE0DFC8"/>
    <w:styleLink w:val="WWOutlineListStyle"/>
    <w:lvl w:ilvl="0">
      <w:start w:val="1"/>
      <w:numFmt w:val="decimal"/>
      <w:lvlText w:val="%1."/>
      <w:lvlJc w:val="left"/>
    </w:lvl>
    <w:lvl w:ilvl="1">
      <w:start w:val="1"/>
      <w:numFmt w:val="lowerLetter"/>
      <w:lvlText w:val="%2."/>
      <w:lvlJc w:val="left"/>
    </w:lvl>
    <w:lvl w:ilvl="2">
      <w:start w:val="1"/>
      <w:numFmt w:val="decimal"/>
      <w:lvlText w:val="%3."/>
      <w:lvlJc w:val="left"/>
    </w:lvl>
    <w:lvl w:ilvl="3">
      <w:start w:val="1"/>
      <w:numFmt w:val="decimal"/>
      <w:lvlText w:val="%4."/>
      <w:lvlJc w:val="left"/>
    </w:lvl>
    <w:lvl w:ilvl="4">
      <w:start w:val="1"/>
      <w:numFmt w:val="lowerLetter"/>
      <w:lvlText w:val="%5."/>
      <w:lvlJc w:val="left"/>
    </w:lvl>
    <w:lvl w:ilvl="5">
      <w:start w:val="1"/>
      <w:numFmt w:val="lowerRoman"/>
      <w:lvlText w:val="%6."/>
      <w:lvlJc w:val="right"/>
    </w:lvl>
    <w:lvl w:ilvl="6">
      <w:start w:val="1"/>
      <w:numFmt w:val="decimal"/>
      <w:lvlText w:val="%7."/>
      <w:lvlJc w:val="left"/>
    </w:lvl>
    <w:lvl w:ilvl="7">
      <w:start w:val="1"/>
      <w:numFmt w:val="lowerLetter"/>
      <w:lvlText w:val="%8."/>
      <w:lvlJc w:val="left"/>
    </w:lvl>
    <w:lvl w:ilvl="8">
      <w:start w:val="1"/>
      <w:numFmt w:val="lowerRoman"/>
      <w:lvlText w:val="%9."/>
      <w:lvlJc w:val="right"/>
    </w:lvl>
  </w:abstractNum>
  <w:abstractNum w:abstractNumId="11" w15:restartNumberingAfterBreak="0">
    <w:nsid w:val="108B566A"/>
    <w:multiLevelType w:val="multilevel"/>
    <w:tmpl w:val="D16A50CA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lowerLetter"/>
      <w:lvlText w:val="%2."/>
      <w:lvlJc w:val="left"/>
      <w:pPr>
        <w:ind w:left="1440" w:hanging="360"/>
      </w:pPr>
    </w:lvl>
    <w:lvl w:ilvl="2">
      <w:start w:val="1"/>
      <w:numFmt w:val="lowerRoman"/>
      <w:lvlText w:val="%3."/>
      <w:lvlJc w:val="right"/>
      <w:pPr>
        <w:ind w:left="2160" w:hanging="180"/>
      </w:pPr>
    </w:lvl>
    <w:lvl w:ilvl="3">
      <w:start w:val="1"/>
      <w:numFmt w:val="decimal"/>
      <w:lvlText w:val="%4."/>
      <w:lvlJc w:val="left"/>
      <w:pPr>
        <w:ind w:left="2880" w:hanging="360"/>
      </w:pPr>
    </w:lvl>
    <w:lvl w:ilvl="4">
      <w:start w:val="1"/>
      <w:numFmt w:val="lowerLetter"/>
      <w:lvlText w:val="%5."/>
      <w:lvlJc w:val="left"/>
      <w:pPr>
        <w:ind w:left="3600" w:hanging="360"/>
      </w:pPr>
    </w:lvl>
    <w:lvl w:ilvl="5">
      <w:start w:val="1"/>
      <w:numFmt w:val="lowerRoman"/>
      <w:lvlText w:val="%6."/>
      <w:lvlJc w:val="right"/>
      <w:pPr>
        <w:ind w:left="4320" w:hanging="180"/>
      </w:pPr>
    </w:lvl>
    <w:lvl w:ilvl="6">
      <w:start w:val="1"/>
      <w:numFmt w:val="decimal"/>
      <w:lvlText w:val="%7."/>
      <w:lvlJc w:val="left"/>
      <w:pPr>
        <w:ind w:left="5040" w:hanging="360"/>
      </w:pPr>
    </w:lvl>
    <w:lvl w:ilvl="7">
      <w:start w:val="1"/>
      <w:numFmt w:val="lowerLetter"/>
      <w:lvlText w:val="%8."/>
      <w:lvlJc w:val="left"/>
      <w:pPr>
        <w:ind w:left="5760" w:hanging="360"/>
      </w:pPr>
    </w:lvl>
    <w:lvl w:ilvl="8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11550AC3"/>
    <w:multiLevelType w:val="multilevel"/>
    <w:tmpl w:val="3D928242"/>
    <w:styleLink w:val="WW8Num2"/>
    <w:lvl w:ilvl="0">
      <w:start w:val="1"/>
      <w:numFmt w:val="decimal"/>
      <w:lvlText w:val="%1."/>
      <w:lvlJc w:val="left"/>
    </w:lvl>
    <w:lvl w:ilvl="1">
      <w:start w:val="1"/>
      <w:numFmt w:val="decimal"/>
      <w:lvlText w:val="%1.%2."/>
      <w:lvlJc w:val="left"/>
    </w:lvl>
    <w:lvl w:ilvl="2">
      <w:start w:val="1"/>
      <w:numFmt w:val="decimal"/>
      <w:lvlText w:val="%1.%2.%3."/>
      <w:lvlJc w:val="left"/>
    </w:lvl>
    <w:lvl w:ilvl="3">
      <w:start w:val="1"/>
      <w:numFmt w:val="decimal"/>
      <w:lvlText w:val="%1.%2.%3.%4."/>
      <w:lvlJc w:val="left"/>
    </w:lvl>
    <w:lvl w:ilvl="4">
      <w:start w:val="1"/>
      <w:numFmt w:val="decimal"/>
      <w:lvlText w:val="%1.%2.%3.%4.%5."/>
      <w:lvlJc w:val="left"/>
    </w:lvl>
    <w:lvl w:ilvl="5">
      <w:start w:val="1"/>
      <w:numFmt w:val="decimal"/>
      <w:lvlText w:val="%1.%2.%3.%4.%5.%6."/>
      <w:lvlJc w:val="left"/>
    </w:lvl>
    <w:lvl w:ilvl="6">
      <w:start w:val="1"/>
      <w:numFmt w:val="decimal"/>
      <w:lvlText w:val="%1.%2.%3.%4.%5.%6.%7."/>
      <w:lvlJc w:val="left"/>
    </w:lvl>
    <w:lvl w:ilvl="7">
      <w:start w:val="1"/>
      <w:numFmt w:val="decimal"/>
      <w:lvlText w:val="%1.%2.%3.%4.%5.%6.%7.%8."/>
      <w:lvlJc w:val="left"/>
    </w:lvl>
    <w:lvl w:ilvl="8">
      <w:start w:val="1"/>
      <w:numFmt w:val="decimal"/>
      <w:lvlText w:val="%1.%2.%3.%4.%5.%6.%7.%8.%9."/>
      <w:lvlJc w:val="left"/>
    </w:lvl>
  </w:abstractNum>
  <w:abstractNum w:abstractNumId="13" w15:restartNumberingAfterBreak="0">
    <w:nsid w:val="18076A65"/>
    <w:multiLevelType w:val="hybridMultilevel"/>
    <w:tmpl w:val="D592C5EE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18C210A2"/>
    <w:multiLevelType w:val="hybridMultilevel"/>
    <w:tmpl w:val="B7607D6C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190A4B0B"/>
    <w:multiLevelType w:val="multilevel"/>
    <w:tmpl w:val="6A20C56C"/>
    <w:styleLink w:val="WW8Num5"/>
    <w:lvl w:ilvl="0">
      <w:start w:val="1"/>
      <w:numFmt w:val="decimal"/>
      <w:pStyle w:val="a"/>
      <w:lvlText w:val="%1."/>
      <w:lvlJc w:val="left"/>
    </w:lvl>
    <w:lvl w:ilvl="1">
      <w:start w:val="1"/>
      <w:numFmt w:val="decimal"/>
      <w:lvlText w:val="%1.%2."/>
      <w:lvlJc w:val="left"/>
    </w:lvl>
    <w:lvl w:ilvl="2">
      <w:start w:val="1"/>
      <w:numFmt w:val="decimal"/>
      <w:lvlText w:val="%1.%2.%3."/>
      <w:lvlJc w:val="left"/>
    </w:lvl>
    <w:lvl w:ilvl="3">
      <w:start w:val="1"/>
      <w:numFmt w:val="decimal"/>
      <w:lvlText w:val="%1.%2.%3.%4."/>
      <w:lvlJc w:val="left"/>
    </w:lvl>
    <w:lvl w:ilvl="4">
      <w:start w:val="1"/>
      <w:numFmt w:val="decimal"/>
      <w:lvlText w:val="%1.%2.%3.%4.%5."/>
      <w:lvlJc w:val="left"/>
    </w:lvl>
    <w:lvl w:ilvl="5">
      <w:start w:val="1"/>
      <w:numFmt w:val="decimal"/>
      <w:lvlText w:val="%1.%2.%3.%4.%5.%6."/>
      <w:lvlJc w:val="left"/>
    </w:lvl>
    <w:lvl w:ilvl="6">
      <w:start w:val="1"/>
      <w:numFmt w:val="decimal"/>
      <w:lvlText w:val="%1.%2.%3.%4.%5.%6.%7."/>
      <w:lvlJc w:val="left"/>
    </w:lvl>
    <w:lvl w:ilvl="7">
      <w:start w:val="1"/>
      <w:numFmt w:val="decimal"/>
      <w:lvlText w:val="%1.%2.%3.%4.%5.%6.%7.%8."/>
      <w:lvlJc w:val="left"/>
    </w:lvl>
    <w:lvl w:ilvl="8">
      <w:start w:val="1"/>
      <w:numFmt w:val="decimal"/>
      <w:lvlText w:val="%1.%2.%3.%4.%5.%6.%7.%8.%9."/>
      <w:lvlJc w:val="left"/>
    </w:lvl>
  </w:abstractNum>
  <w:abstractNum w:abstractNumId="16" w15:restartNumberingAfterBreak="0">
    <w:nsid w:val="23802CCD"/>
    <w:multiLevelType w:val="multilevel"/>
    <w:tmpl w:val="CCB60C1C"/>
    <w:styleLink w:val="WW8Num6"/>
    <w:lvl w:ilvl="0">
      <w:start w:val="1"/>
      <w:numFmt w:val="decimal"/>
      <w:lvlText w:val="%1."/>
      <w:lvlJc w:val="left"/>
    </w:lvl>
    <w:lvl w:ilvl="1">
      <w:start w:val="1"/>
      <w:numFmt w:val="lowerLetter"/>
      <w:lvlText w:val="%2."/>
      <w:lvlJc w:val="left"/>
    </w:lvl>
    <w:lvl w:ilvl="2">
      <w:start w:val="1"/>
      <w:numFmt w:val="lowerRoman"/>
      <w:lvlText w:val="%3."/>
      <w:lvlJc w:val="right"/>
    </w:lvl>
    <w:lvl w:ilvl="3">
      <w:start w:val="1"/>
      <w:numFmt w:val="decimal"/>
      <w:lvlText w:val="%4."/>
      <w:lvlJc w:val="left"/>
    </w:lvl>
    <w:lvl w:ilvl="4">
      <w:start w:val="1"/>
      <w:numFmt w:val="lowerLetter"/>
      <w:lvlText w:val="%5."/>
      <w:lvlJc w:val="left"/>
    </w:lvl>
    <w:lvl w:ilvl="5">
      <w:start w:val="1"/>
      <w:numFmt w:val="lowerRoman"/>
      <w:lvlText w:val="%6."/>
      <w:lvlJc w:val="right"/>
    </w:lvl>
    <w:lvl w:ilvl="6">
      <w:start w:val="1"/>
      <w:numFmt w:val="decimal"/>
      <w:lvlText w:val="%7."/>
      <w:lvlJc w:val="left"/>
    </w:lvl>
    <w:lvl w:ilvl="7">
      <w:start w:val="1"/>
      <w:numFmt w:val="lowerLetter"/>
      <w:lvlText w:val="%8."/>
      <w:lvlJc w:val="left"/>
    </w:lvl>
    <w:lvl w:ilvl="8">
      <w:start w:val="1"/>
      <w:numFmt w:val="lowerRoman"/>
      <w:lvlText w:val="%9."/>
      <w:lvlJc w:val="right"/>
    </w:lvl>
  </w:abstractNum>
  <w:abstractNum w:abstractNumId="17" w15:restartNumberingAfterBreak="0">
    <w:nsid w:val="23860556"/>
    <w:multiLevelType w:val="hybridMultilevel"/>
    <w:tmpl w:val="B912A17C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345275EB"/>
    <w:multiLevelType w:val="hybridMultilevel"/>
    <w:tmpl w:val="2B2C8BC6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13E2E6C"/>
    <w:multiLevelType w:val="hybridMultilevel"/>
    <w:tmpl w:val="61FA2CFC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0" w15:restartNumberingAfterBreak="0">
    <w:nsid w:val="43EC04C4"/>
    <w:multiLevelType w:val="hybridMultilevel"/>
    <w:tmpl w:val="12E65B50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1" w15:restartNumberingAfterBreak="0">
    <w:nsid w:val="44ED02A1"/>
    <w:multiLevelType w:val="hybridMultilevel"/>
    <w:tmpl w:val="2368A90E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4F2A48BE"/>
    <w:multiLevelType w:val="multilevel"/>
    <w:tmpl w:val="AD9A7B36"/>
    <w:styleLink w:val="WW8Num1"/>
    <w:lvl w:ilvl="0">
      <w:numFmt w:val="bullet"/>
      <w:lvlText w:val="o"/>
      <w:lvlJc w:val="left"/>
      <w:rPr>
        <w:rFonts w:ascii="Courier New" w:hAnsi="Courier New"/>
      </w:rPr>
    </w:lvl>
    <w:lvl w:ilvl="1">
      <w:start w:val="1"/>
      <w:numFmt w:val="decimal"/>
      <w:lvlText w:val="%2."/>
      <w:lvlJc w:val="left"/>
    </w:lvl>
    <w:lvl w:ilvl="2">
      <w:start w:val="1"/>
      <w:numFmt w:val="decimal"/>
      <w:lvlText w:val="%3."/>
      <w:lvlJc w:val="left"/>
    </w:lvl>
    <w:lvl w:ilvl="3">
      <w:start w:val="1"/>
      <w:numFmt w:val="decimal"/>
      <w:lvlText w:val="%4."/>
      <w:lvlJc w:val="left"/>
    </w:lvl>
    <w:lvl w:ilvl="4">
      <w:start w:val="1"/>
      <w:numFmt w:val="decimal"/>
      <w:lvlText w:val="%5."/>
      <w:lvlJc w:val="left"/>
    </w:lvl>
    <w:lvl w:ilvl="5">
      <w:start w:val="1"/>
      <w:numFmt w:val="decimal"/>
      <w:lvlText w:val="%6."/>
      <w:lvlJc w:val="left"/>
    </w:lvl>
    <w:lvl w:ilvl="6">
      <w:start w:val="1"/>
      <w:numFmt w:val="decimal"/>
      <w:lvlText w:val="%7."/>
      <w:lvlJc w:val="left"/>
    </w:lvl>
    <w:lvl w:ilvl="7">
      <w:start w:val="1"/>
      <w:numFmt w:val="decimal"/>
      <w:lvlText w:val="%8."/>
      <w:lvlJc w:val="left"/>
    </w:lvl>
    <w:lvl w:ilvl="8">
      <w:start w:val="1"/>
      <w:numFmt w:val="decimal"/>
      <w:lvlText w:val="%9."/>
      <w:lvlJc w:val="left"/>
    </w:lvl>
  </w:abstractNum>
  <w:abstractNum w:abstractNumId="23" w15:restartNumberingAfterBreak="0">
    <w:nsid w:val="55BF4E22"/>
    <w:multiLevelType w:val="hybridMultilevel"/>
    <w:tmpl w:val="435C8A90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5631653E"/>
    <w:multiLevelType w:val="hybridMultilevel"/>
    <w:tmpl w:val="B09A722A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5" w15:restartNumberingAfterBreak="0">
    <w:nsid w:val="57732761"/>
    <w:multiLevelType w:val="multilevel"/>
    <w:tmpl w:val="D280106A"/>
    <w:styleLink w:val="WWOutlineListStyle1"/>
    <w:lvl w:ilvl="0">
      <w:start w:val="1"/>
      <w:numFmt w:val="none"/>
      <w:lvlText w:val="%1"/>
      <w:lvlJc w:val="left"/>
    </w:lvl>
    <w:lvl w:ilvl="1">
      <w:start w:val="1"/>
      <w:numFmt w:val="none"/>
      <w:lvlText w:val="%2"/>
      <w:lvlJc w:val="left"/>
    </w:lvl>
    <w:lvl w:ilvl="2">
      <w:start w:val="1"/>
      <w:numFmt w:val="decimal"/>
      <w:lvlText w:val="%3."/>
      <w:lvlJc w:val="left"/>
    </w:lvl>
    <w:lvl w:ilvl="3">
      <w:start w:val="1"/>
      <w:numFmt w:val="none"/>
      <w:lvlText w:val="%4"/>
      <w:lvlJc w:val="left"/>
    </w:lvl>
    <w:lvl w:ilvl="4">
      <w:start w:val="1"/>
      <w:numFmt w:val="none"/>
      <w:lvlText w:val="%5"/>
      <w:lvlJc w:val="left"/>
    </w:lvl>
    <w:lvl w:ilvl="5">
      <w:start w:val="1"/>
      <w:numFmt w:val="none"/>
      <w:lvlText w:val="%6"/>
      <w:lvlJc w:val="left"/>
    </w:lvl>
    <w:lvl w:ilvl="6">
      <w:start w:val="1"/>
      <w:numFmt w:val="none"/>
      <w:lvlText w:val="%7"/>
      <w:lvlJc w:val="left"/>
    </w:lvl>
    <w:lvl w:ilvl="7">
      <w:start w:val="1"/>
      <w:numFmt w:val="none"/>
      <w:lvlText w:val="%8"/>
      <w:lvlJc w:val="left"/>
    </w:lvl>
    <w:lvl w:ilvl="8">
      <w:start w:val="1"/>
      <w:numFmt w:val="none"/>
      <w:lvlText w:val="%9"/>
      <w:lvlJc w:val="left"/>
    </w:lvl>
  </w:abstractNum>
  <w:abstractNum w:abstractNumId="26" w15:restartNumberingAfterBreak="0">
    <w:nsid w:val="5C1D0663"/>
    <w:multiLevelType w:val="multilevel"/>
    <w:tmpl w:val="745C4FF4"/>
    <w:styleLink w:val="WW8Num3"/>
    <w:lvl w:ilvl="0">
      <w:numFmt w:val="bullet"/>
      <w:lvlText w:val="o"/>
      <w:lvlJc w:val="left"/>
      <w:rPr>
        <w:rFonts w:ascii="Courier New" w:hAnsi="Courier New"/>
      </w:rPr>
    </w:lvl>
    <w:lvl w:ilvl="1">
      <w:start w:val="1"/>
      <w:numFmt w:val="decimal"/>
      <w:lvlText w:val="%2."/>
      <w:lvlJc w:val="left"/>
    </w:lvl>
    <w:lvl w:ilvl="2">
      <w:start w:val="1"/>
      <w:numFmt w:val="decimal"/>
      <w:lvlText w:val="%3."/>
      <w:lvlJc w:val="left"/>
    </w:lvl>
    <w:lvl w:ilvl="3">
      <w:start w:val="1"/>
      <w:numFmt w:val="decimal"/>
      <w:lvlText w:val="%4."/>
      <w:lvlJc w:val="left"/>
    </w:lvl>
    <w:lvl w:ilvl="4">
      <w:start w:val="1"/>
      <w:numFmt w:val="decimal"/>
      <w:lvlText w:val="%5."/>
      <w:lvlJc w:val="left"/>
    </w:lvl>
    <w:lvl w:ilvl="5">
      <w:start w:val="1"/>
      <w:numFmt w:val="decimal"/>
      <w:lvlText w:val="%6."/>
      <w:lvlJc w:val="left"/>
    </w:lvl>
    <w:lvl w:ilvl="6">
      <w:start w:val="1"/>
      <w:numFmt w:val="decimal"/>
      <w:lvlText w:val="%7."/>
      <w:lvlJc w:val="left"/>
    </w:lvl>
    <w:lvl w:ilvl="7">
      <w:start w:val="1"/>
      <w:numFmt w:val="decimal"/>
      <w:lvlText w:val="%8."/>
      <w:lvlJc w:val="left"/>
    </w:lvl>
    <w:lvl w:ilvl="8">
      <w:start w:val="1"/>
      <w:numFmt w:val="decimal"/>
      <w:lvlText w:val="%9."/>
      <w:lvlJc w:val="left"/>
    </w:lvl>
  </w:abstractNum>
  <w:abstractNum w:abstractNumId="27" w15:restartNumberingAfterBreak="0">
    <w:nsid w:val="695A7B06"/>
    <w:multiLevelType w:val="multilevel"/>
    <w:tmpl w:val="C21418BC"/>
    <w:styleLink w:val="WW8Num7"/>
    <w:lvl w:ilvl="0">
      <w:numFmt w:val="bullet"/>
      <w:pStyle w:val="a0"/>
      <w:lvlText w:val="o"/>
      <w:lvlJc w:val="left"/>
      <w:rPr>
        <w:rFonts w:ascii="Courier New" w:hAnsi="Courier New"/>
      </w:rPr>
    </w:lvl>
    <w:lvl w:ilvl="1">
      <w:numFmt w:val="bullet"/>
      <w:lvlText w:val="o"/>
      <w:lvlJc w:val="left"/>
      <w:rPr>
        <w:rFonts w:ascii="Courier New" w:hAnsi="Courier New"/>
      </w:rPr>
    </w:lvl>
    <w:lvl w:ilvl="2">
      <w:numFmt w:val="bullet"/>
      <w:lvlText w:val=""/>
      <w:lvlJc w:val="left"/>
      <w:rPr>
        <w:rFonts w:ascii="Wingdings" w:hAnsi="Wingdings"/>
      </w:rPr>
    </w:lvl>
    <w:lvl w:ilvl="3">
      <w:numFmt w:val="bullet"/>
      <w:lvlText w:val=""/>
      <w:lvlJc w:val="left"/>
      <w:rPr>
        <w:rFonts w:ascii="Symbol" w:hAnsi="Symbol"/>
      </w:rPr>
    </w:lvl>
    <w:lvl w:ilvl="4">
      <w:numFmt w:val="bullet"/>
      <w:lvlText w:val="o"/>
      <w:lvlJc w:val="left"/>
      <w:rPr>
        <w:rFonts w:ascii="Courier New" w:hAnsi="Courier New"/>
      </w:rPr>
    </w:lvl>
    <w:lvl w:ilvl="5">
      <w:numFmt w:val="bullet"/>
      <w:lvlText w:val=""/>
      <w:lvlJc w:val="left"/>
      <w:rPr>
        <w:rFonts w:ascii="Wingdings" w:hAnsi="Wingdings"/>
      </w:rPr>
    </w:lvl>
    <w:lvl w:ilvl="6">
      <w:numFmt w:val="bullet"/>
      <w:lvlText w:val=""/>
      <w:lvlJc w:val="left"/>
      <w:rPr>
        <w:rFonts w:ascii="Symbol" w:hAnsi="Symbol"/>
      </w:rPr>
    </w:lvl>
    <w:lvl w:ilvl="7">
      <w:numFmt w:val="bullet"/>
      <w:lvlText w:val="o"/>
      <w:lvlJc w:val="left"/>
      <w:rPr>
        <w:rFonts w:ascii="Courier New" w:hAnsi="Courier New"/>
      </w:rPr>
    </w:lvl>
    <w:lvl w:ilvl="8">
      <w:numFmt w:val="bullet"/>
      <w:lvlText w:val=""/>
      <w:lvlJc w:val="left"/>
      <w:rPr>
        <w:rFonts w:ascii="Wingdings" w:hAnsi="Wingdings"/>
      </w:rPr>
    </w:lvl>
  </w:abstractNum>
  <w:abstractNum w:abstractNumId="28" w15:restartNumberingAfterBreak="0">
    <w:nsid w:val="69A10B43"/>
    <w:multiLevelType w:val="multilevel"/>
    <w:tmpl w:val="515249B6"/>
    <w:styleLink w:val="WW8Num4"/>
    <w:lvl w:ilvl="0">
      <w:numFmt w:val="bullet"/>
      <w:pStyle w:val="a1"/>
      <w:lvlText w:val="o"/>
      <w:lvlJc w:val="left"/>
      <w:rPr>
        <w:rFonts w:ascii="Courier New" w:hAnsi="Courier New"/>
      </w:rPr>
    </w:lvl>
    <w:lvl w:ilvl="1">
      <w:numFmt w:val="bullet"/>
      <w:lvlText w:val="o"/>
      <w:lvlJc w:val="left"/>
      <w:rPr>
        <w:rFonts w:ascii="Courier New" w:hAnsi="Courier New" w:cs="Courier New"/>
      </w:rPr>
    </w:lvl>
    <w:lvl w:ilvl="2">
      <w:numFmt w:val="bullet"/>
      <w:lvlText w:val=""/>
      <w:lvlJc w:val="left"/>
      <w:rPr>
        <w:rFonts w:ascii="Wingdings" w:hAnsi="Wingdings"/>
      </w:rPr>
    </w:lvl>
    <w:lvl w:ilvl="3">
      <w:numFmt w:val="bullet"/>
      <w:lvlText w:val=""/>
      <w:lvlJc w:val="left"/>
      <w:rPr>
        <w:rFonts w:ascii="Symbol" w:hAnsi="Symbol"/>
      </w:rPr>
    </w:lvl>
    <w:lvl w:ilvl="4">
      <w:numFmt w:val="bullet"/>
      <w:lvlText w:val="o"/>
      <w:lvlJc w:val="left"/>
      <w:rPr>
        <w:rFonts w:ascii="Courier New" w:hAnsi="Courier New" w:cs="Courier New"/>
      </w:rPr>
    </w:lvl>
    <w:lvl w:ilvl="5">
      <w:numFmt w:val="bullet"/>
      <w:lvlText w:val=""/>
      <w:lvlJc w:val="left"/>
      <w:rPr>
        <w:rFonts w:ascii="Wingdings" w:hAnsi="Wingdings"/>
      </w:rPr>
    </w:lvl>
    <w:lvl w:ilvl="6">
      <w:numFmt w:val="bullet"/>
      <w:lvlText w:val=""/>
      <w:lvlJc w:val="left"/>
      <w:rPr>
        <w:rFonts w:ascii="Symbol" w:hAnsi="Symbol"/>
      </w:rPr>
    </w:lvl>
    <w:lvl w:ilvl="7">
      <w:numFmt w:val="bullet"/>
      <w:lvlText w:val="o"/>
      <w:lvlJc w:val="left"/>
      <w:rPr>
        <w:rFonts w:ascii="Courier New" w:hAnsi="Courier New" w:cs="Courier New"/>
      </w:rPr>
    </w:lvl>
    <w:lvl w:ilvl="8">
      <w:numFmt w:val="bullet"/>
      <w:lvlText w:val=""/>
      <w:lvlJc w:val="left"/>
      <w:rPr>
        <w:rFonts w:ascii="Wingdings" w:hAnsi="Wingdings"/>
      </w:rPr>
    </w:lvl>
  </w:abstractNum>
  <w:abstractNum w:abstractNumId="29" w15:restartNumberingAfterBreak="0">
    <w:nsid w:val="6E4B09F7"/>
    <w:multiLevelType w:val="hybridMultilevel"/>
    <w:tmpl w:val="08D4FB64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76D934E4"/>
    <w:multiLevelType w:val="hybridMultilevel"/>
    <w:tmpl w:val="786AEFB2"/>
    <w:lvl w:ilvl="0" w:tplc="04190003">
      <w:start w:val="1"/>
      <w:numFmt w:val="bullet"/>
      <w:lvlText w:val="o"/>
      <w:lvlJc w:val="left"/>
      <w:pPr>
        <w:ind w:left="720" w:hanging="360"/>
      </w:pPr>
      <w:rPr>
        <w:rFonts w:ascii="Courier New" w:hAnsi="Courier New" w:cs="Courier New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7ED63639"/>
    <w:multiLevelType w:val="multilevel"/>
    <w:tmpl w:val="B52CEB84"/>
    <w:styleLink w:val="WWOutlineListStyle2"/>
    <w:lvl w:ilvl="0">
      <w:start w:val="1"/>
      <w:numFmt w:val="none"/>
      <w:lvlText w:val=""/>
      <w:lvlJc w:val="left"/>
    </w:lvl>
    <w:lvl w:ilvl="1">
      <w:start w:val="1"/>
      <w:numFmt w:val="none"/>
      <w:lvlText w:val=""/>
      <w:lvlJc w:val="left"/>
    </w:lvl>
    <w:lvl w:ilvl="2">
      <w:start w:val="1"/>
      <w:numFmt w:val="decimal"/>
      <w:pStyle w:val="3"/>
      <w:lvlText w:val="%3."/>
      <w:lvlJc w:val="left"/>
    </w:lvl>
    <w:lvl w:ilvl="3">
      <w:start w:val="1"/>
      <w:numFmt w:val="none"/>
      <w:lvlText w:val=""/>
      <w:lvlJc w:val="left"/>
    </w:lvl>
    <w:lvl w:ilvl="4">
      <w:start w:val="1"/>
      <w:numFmt w:val="none"/>
      <w:lvlText w:val=""/>
      <w:lvlJc w:val="left"/>
    </w:lvl>
    <w:lvl w:ilvl="5">
      <w:start w:val="1"/>
      <w:numFmt w:val="none"/>
      <w:lvlText w:val=""/>
      <w:lvlJc w:val="left"/>
    </w:lvl>
    <w:lvl w:ilvl="6">
      <w:start w:val="1"/>
      <w:numFmt w:val="none"/>
      <w:lvlText w:val=""/>
      <w:lvlJc w:val="left"/>
    </w:lvl>
    <w:lvl w:ilvl="7">
      <w:start w:val="1"/>
      <w:numFmt w:val="none"/>
      <w:lvlText w:val=""/>
      <w:lvlJc w:val="left"/>
    </w:lvl>
    <w:lvl w:ilvl="8">
      <w:start w:val="1"/>
      <w:numFmt w:val="none"/>
      <w:lvlText w:val=""/>
      <w:lvlJc w:val="left"/>
    </w:lvl>
  </w:abstractNum>
  <w:num w:numId="1">
    <w:abstractNumId w:val="31"/>
  </w:num>
  <w:num w:numId="2">
    <w:abstractNumId w:val="25"/>
  </w:num>
  <w:num w:numId="3">
    <w:abstractNumId w:val="10"/>
  </w:num>
  <w:num w:numId="4">
    <w:abstractNumId w:val="22"/>
  </w:num>
  <w:num w:numId="5">
    <w:abstractNumId w:val="12"/>
  </w:num>
  <w:num w:numId="6">
    <w:abstractNumId w:val="26"/>
  </w:num>
  <w:num w:numId="7">
    <w:abstractNumId w:val="28"/>
  </w:num>
  <w:num w:numId="8">
    <w:abstractNumId w:val="15"/>
  </w:num>
  <w:num w:numId="9">
    <w:abstractNumId w:val="16"/>
  </w:num>
  <w:num w:numId="10">
    <w:abstractNumId w:val="27"/>
  </w:num>
  <w:num w:numId="11">
    <w:abstractNumId w:val="11"/>
  </w:num>
  <w:num w:numId="12">
    <w:abstractNumId w:val="3"/>
  </w:num>
  <w:num w:numId="13">
    <w:abstractNumId w:val="4"/>
  </w:num>
  <w:num w:numId="14">
    <w:abstractNumId w:val="5"/>
  </w:num>
  <w:num w:numId="15">
    <w:abstractNumId w:val="6"/>
  </w:num>
  <w:num w:numId="16">
    <w:abstractNumId w:val="7"/>
  </w:num>
  <w:num w:numId="17">
    <w:abstractNumId w:val="8"/>
  </w:num>
  <w:num w:numId="18">
    <w:abstractNumId w:val="0"/>
  </w:num>
  <w:num w:numId="19">
    <w:abstractNumId w:val="2"/>
  </w:num>
  <w:num w:numId="20">
    <w:abstractNumId w:val="30"/>
  </w:num>
  <w:num w:numId="21">
    <w:abstractNumId w:val="17"/>
  </w:num>
  <w:num w:numId="22">
    <w:abstractNumId w:val="29"/>
  </w:num>
  <w:num w:numId="23">
    <w:abstractNumId w:val="21"/>
  </w:num>
  <w:num w:numId="24">
    <w:abstractNumId w:val="20"/>
  </w:num>
  <w:num w:numId="25">
    <w:abstractNumId w:val="23"/>
  </w:num>
  <w:num w:numId="26">
    <w:abstractNumId w:val="14"/>
  </w:num>
  <w:num w:numId="27">
    <w:abstractNumId w:val="18"/>
  </w:num>
  <w:num w:numId="28">
    <w:abstractNumId w:val="9"/>
  </w:num>
  <w:num w:numId="29">
    <w:abstractNumId w:val="19"/>
  </w:num>
  <w:num w:numId="30">
    <w:abstractNumId w:val="24"/>
  </w:num>
  <w:num w:numId="31">
    <w:abstractNumId w:val="13"/>
  </w:num>
  <w:numIdMacAtCleanup w:val="30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70"/>
  <w:defaultTabStop w:val="720"/>
  <w:autoHyphenation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E1A2C"/>
    <w:rsid w:val="000114CD"/>
    <w:rsid w:val="000B6FE3"/>
    <w:rsid w:val="000F65D8"/>
    <w:rsid w:val="0010580A"/>
    <w:rsid w:val="001102FB"/>
    <w:rsid w:val="00135877"/>
    <w:rsid w:val="001E057C"/>
    <w:rsid w:val="001E1A2C"/>
    <w:rsid w:val="001F2F26"/>
    <w:rsid w:val="00243FE9"/>
    <w:rsid w:val="002F2A67"/>
    <w:rsid w:val="00322DB7"/>
    <w:rsid w:val="00332FCC"/>
    <w:rsid w:val="003B3D5A"/>
    <w:rsid w:val="00433428"/>
    <w:rsid w:val="004B0052"/>
    <w:rsid w:val="005E3192"/>
    <w:rsid w:val="00611BC8"/>
    <w:rsid w:val="00662128"/>
    <w:rsid w:val="00706B4E"/>
    <w:rsid w:val="007F0319"/>
    <w:rsid w:val="00881622"/>
    <w:rsid w:val="00A326C3"/>
    <w:rsid w:val="00AB2F7E"/>
    <w:rsid w:val="00AE67DF"/>
    <w:rsid w:val="00B1761E"/>
    <w:rsid w:val="00D22A7D"/>
    <w:rsid w:val="00D71AB0"/>
    <w:rsid w:val="00E200B2"/>
    <w:rsid w:val="00F917B0"/>
    <w:rsid w:val="00FF684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C3D6E3B8-2A51-445F-AB6B-4F68B96503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Arial" w:hAnsi="Times New Roman" w:cs="Arial"/>
        <w:kern w:val="3"/>
        <w:sz w:val="24"/>
        <w:szCs w:val="24"/>
        <w:lang w:val="ru-RU" w:eastAsia="ru-RU" w:bidi="ar-SA"/>
      </w:rPr>
    </w:rPrDefault>
    <w:pPrDefault>
      <w:pPr>
        <w:widowControl w:val="0"/>
        <w:autoSpaceDN w:val="0"/>
        <w:textAlignment w:val="baseline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2">
    <w:name w:val="Normal"/>
    <w:pPr>
      <w:suppressAutoHyphens/>
    </w:pPr>
  </w:style>
  <w:style w:type="paragraph" w:styleId="3">
    <w:name w:val="heading 3"/>
    <w:basedOn w:val="Standard"/>
    <w:next w:val="Standard"/>
    <w:pPr>
      <w:keepNext/>
      <w:widowControl w:val="0"/>
      <w:numPr>
        <w:ilvl w:val="2"/>
        <w:numId w:val="1"/>
      </w:numPr>
      <w:tabs>
        <w:tab w:val="left" w:pos="1440"/>
      </w:tabs>
      <w:autoSpaceDE w:val="0"/>
      <w:spacing w:before="240" w:after="60"/>
      <w:jc w:val="both"/>
      <w:outlineLvl w:val="2"/>
    </w:pPr>
    <w:rPr>
      <w:rFonts w:ascii="Arial" w:hAnsi="Arial" w:cs="Arial"/>
      <w:b/>
      <w:bCs/>
    </w:rPr>
  </w:style>
  <w:style w:type="character" w:default="1" w:styleId="a3">
    <w:name w:val="Default Paragraph Font"/>
    <w:uiPriority w:val="1"/>
    <w:semiHidden/>
    <w:unhideWhenUsed/>
  </w:style>
  <w:style w:type="table" w:default="1" w:styleId="a4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5">
    <w:name w:val="No List"/>
    <w:uiPriority w:val="99"/>
    <w:semiHidden/>
    <w:unhideWhenUsed/>
  </w:style>
  <w:style w:type="numbering" w:customStyle="1" w:styleId="WWOutlineListStyle2">
    <w:name w:val="WW_OutlineListStyle_2"/>
    <w:basedOn w:val="a5"/>
    <w:pPr>
      <w:numPr>
        <w:numId w:val="1"/>
      </w:numPr>
    </w:pPr>
  </w:style>
  <w:style w:type="paragraph" w:customStyle="1" w:styleId="Standard">
    <w:name w:val="Standard"/>
    <w:pPr>
      <w:widowControl/>
      <w:suppressAutoHyphens/>
    </w:pPr>
    <w:rPr>
      <w:rFonts w:eastAsia="Times New Roman" w:cs="Times New Roman"/>
      <w:lang w:val="uk-UA"/>
    </w:rPr>
  </w:style>
  <w:style w:type="paragraph" w:styleId="a6">
    <w:name w:val="Title"/>
    <w:basedOn w:val="Standard"/>
    <w:next w:val="Textbody"/>
    <w:pPr>
      <w:keepNext/>
      <w:spacing w:before="240" w:after="120"/>
    </w:pPr>
    <w:rPr>
      <w:rFonts w:ascii="Arial" w:eastAsia="Arial" w:hAnsi="Arial" w:cs="Arial"/>
      <w:sz w:val="28"/>
      <w:szCs w:val="28"/>
    </w:rPr>
  </w:style>
  <w:style w:type="paragraph" w:customStyle="1" w:styleId="Textbody">
    <w:name w:val="Text body"/>
    <w:basedOn w:val="Standard"/>
    <w:pPr>
      <w:spacing w:after="120"/>
    </w:pPr>
  </w:style>
  <w:style w:type="paragraph" w:styleId="a7">
    <w:name w:val="Subtitle"/>
    <w:basedOn w:val="a6"/>
    <w:next w:val="Textbody"/>
    <w:pPr>
      <w:jc w:val="center"/>
    </w:pPr>
    <w:rPr>
      <w:i/>
      <w:iCs/>
    </w:rPr>
  </w:style>
  <w:style w:type="paragraph" w:styleId="a8">
    <w:name w:val="List"/>
    <w:basedOn w:val="Textbody"/>
  </w:style>
  <w:style w:type="paragraph" w:styleId="a9">
    <w:name w:val="caption"/>
    <w:basedOn w:val="Standard"/>
    <w:pPr>
      <w:suppressLineNumbers/>
      <w:spacing w:before="120" w:after="120"/>
    </w:pPr>
    <w:rPr>
      <w:i/>
      <w:iCs/>
    </w:rPr>
  </w:style>
  <w:style w:type="paragraph" w:customStyle="1" w:styleId="Index">
    <w:name w:val="Index"/>
    <w:basedOn w:val="Standard"/>
    <w:pPr>
      <w:suppressLineNumbers/>
    </w:pPr>
  </w:style>
  <w:style w:type="paragraph" w:customStyle="1" w:styleId="aa">
    <w:name w:val="Коментар для відповіді"/>
    <w:basedOn w:val="Standard"/>
    <w:next w:val="Standard"/>
    <w:pPr>
      <w:spacing w:after="120"/>
      <w:ind w:left="567"/>
    </w:pPr>
    <w:rPr>
      <w:rFonts w:ascii="Verdana" w:hAnsi="Verdana"/>
      <w:color w:val="0000FF"/>
      <w:sz w:val="20"/>
      <w:lang w:val="en-GB"/>
    </w:rPr>
  </w:style>
  <w:style w:type="paragraph" w:customStyle="1" w:styleId="ab">
    <w:name w:val="Твердження"/>
    <w:basedOn w:val="Standard"/>
    <w:next w:val="ac"/>
    <w:pPr>
      <w:shd w:val="clear" w:color="auto" w:fill="E7F1FF"/>
      <w:ind w:left="284" w:right="1134"/>
    </w:pPr>
    <w:rPr>
      <w:rFonts w:ascii="Verdana" w:hAnsi="Verdana"/>
      <w:sz w:val="20"/>
      <w:lang w:val="en-GB"/>
    </w:rPr>
  </w:style>
  <w:style w:type="paragraph" w:customStyle="1" w:styleId="ad">
    <w:name w:val="ПитЗВибором"/>
    <w:basedOn w:val="Standard"/>
    <w:next w:val="a0"/>
    <w:pPr>
      <w:spacing w:before="240" w:after="120"/>
    </w:pPr>
    <w:rPr>
      <w:rFonts w:ascii="Verdana" w:hAnsi="Verdana"/>
      <w:b/>
      <w:lang w:val="en-GB"/>
    </w:rPr>
  </w:style>
  <w:style w:type="paragraph" w:customStyle="1" w:styleId="a0">
    <w:name w:val="НеправВідповідь"/>
    <w:basedOn w:val="Standard"/>
    <w:pPr>
      <w:numPr>
        <w:numId w:val="10"/>
      </w:numPr>
      <w:spacing w:after="120"/>
    </w:pPr>
    <w:rPr>
      <w:rFonts w:ascii="Verdana" w:hAnsi="Verdana"/>
      <w:color w:val="FF0000"/>
      <w:sz w:val="20"/>
      <w:szCs w:val="20"/>
      <w:lang w:val="en-GB"/>
    </w:rPr>
  </w:style>
  <w:style w:type="paragraph" w:customStyle="1" w:styleId="a1">
    <w:name w:val="ПравВідповідь"/>
    <w:basedOn w:val="a0"/>
    <w:pPr>
      <w:numPr>
        <w:numId w:val="7"/>
      </w:numPr>
    </w:pPr>
    <w:rPr>
      <w:color w:val="008000"/>
    </w:rPr>
  </w:style>
  <w:style w:type="paragraph" w:customStyle="1" w:styleId="ac">
    <w:name w:val="ВідповідьНаТвердж"/>
    <w:basedOn w:val="Standard"/>
    <w:next w:val="ab"/>
    <w:pPr>
      <w:shd w:val="clear" w:color="auto" w:fill="FFFFCC"/>
      <w:spacing w:after="120"/>
      <w:ind w:left="1134"/>
    </w:pPr>
    <w:rPr>
      <w:rFonts w:ascii="Verdana" w:hAnsi="Verdana"/>
      <w:sz w:val="18"/>
      <w:lang w:val="en-GB"/>
    </w:rPr>
  </w:style>
  <w:style w:type="paragraph" w:customStyle="1" w:styleId="ae">
    <w:name w:val="ПитКороткаВідп"/>
    <w:basedOn w:val="ad"/>
    <w:next w:val="a1"/>
  </w:style>
  <w:style w:type="paragraph" w:customStyle="1" w:styleId="af">
    <w:name w:val="ПитПропущСлово"/>
    <w:basedOn w:val="ad"/>
  </w:style>
  <w:style w:type="paragraph" w:customStyle="1" w:styleId="af0">
    <w:name w:val="ПитНаВідповідність"/>
    <w:basedOn w:val="ad"/>
    <w:next w:val="ab"/>
  </w:style>
  <w:style w:type="paragraph" w:customStyle="1" w:styleId="af1">
    <w:name w:val="ПравТвердж"/>
    <w:basedOn w:val="ad"/>
    <w:rPr>
      <w:color w:val="008000"/>
    </w:rPr>
  </w:style>
  <w:style w:type="paragraph" w:customStyle="1" w:styleId="af2">
    <w:name w:val="НеправТвердж"/>
    <w:basedOn w:val="ad"/>
    <w:rPr>
      <w:color w:val="FF0000"/>
    </w:rPr>
  </w:style>
  <w:style w:type="paragraph" w:customStyle="1" w:styleId="a">
    <w:name w:val="ПитЧислове"/>
    <w:basedOn w:val="ad"/>
    <w:next w:val="a1"/>
    <w:pPr>
      <w:numPr>
        <w:numId w:val="8"/>
      </w:numPr>
    </w:pPr>
  </w:style>
  <w:style w:type="paragraph" w:customStyle="1" w:styleId="af3">
    <w:name w:val="Коментар для тесту"/>
    <w:basedOn w:val="Standard"/>
    <w:rPr>
      <w:sz w:val="18"/>
      <w:szCs w:val="20"/>
    </w:rPr>
  </w:style>
  <w:style w:type="character" w:customStyle="1" w:styleId="WW8Num1z0">
    <w:name w:val="WW8Num1z0"/>
    <w:rPr>
      <w:rFonts w:ascii="Courier New" w:hAnsi="Courier New"/>
    </w:rPr>
  </w:style>
  <w:style w:type="character" w:customStyle="1" w:styleId="WW8Num3z0">
    <w:name w:val="WW8Num3z0"/>
    <w:rPr>
      <w:rFonts w:ascii="Courier New" w:hAnsi="Courier New"/>
    </w:rPr>
  </w:style>
  <w:style w:type="character" w:customStyle="1" w:styleId="WW8Num4z0">
    <w:name w:val="WW8Num4z0"/>
    <w:rPr>
      <w:rFonts w:ascii="Courier New" w:hAnsi="Courier New"/>
    </w:rPr>
  </w:style>
  <w:style w:type="character" w:customStyle="1" w:styleId="WW8Num4z1">
    <w:name w:val="WW8Num4z1"/>
    <w:rPr>
      <w:rFonts w:ascii="Courier New" w:hAnsi="Courier New" w:cs="Courier New"/>
    </w:rPr>
  </w:style>
  <w:style w:type="character" w:customStyle="1" w:styleId="WW8Num4z2">
    <w:name w:val="WW8Num4z2"/>
    <w:rPr>
      <w:rFonts w:ascii="Wingdings" w:hAnsi="Wingdings"/>
    </w:rPr>
  </w:style>
  <w:style w:type="character" w:customStyle="1" w:styleId="WW8Num4z3">
    <w:name w:val="WW8Num4z3"/>
    <w:rPr>
      <w:rFonts w:ascii="Symbol" w:hAnsi="Symbol"/>
    </w:rPr>
  </w:style>
  <w:style w:type="character" w:customStyle="1" w:styleId="WW8Num7z0">
    <w:name w:val="WW8Num7z0"/>
    <w:rPr>
      <w:rFonts w:ascii="Courier New" w:hAnsi="Courier New"/>
    </w:rPr>
  </w:style>
  <w:style w:type="character" w:customStyle="1" w:styleId="WW8Num7z2">
    <w:name w:val="WW8Num7z2"/>
    <w:rPr>
      <w:rFonts w:ascii="Wingdings" w:hAnsi="Wingdings"/>
    </w:rPr>
  </w:style>
  <w:style w:type="character" w:customStyle="1" w:styleId="WW8Num7z3">
    <w:name w:val="WW8Num7z3"/>
    <w:rPr>
      <w:rFonts w:ascii="Symbol" w:hAnsi="Symbol"/>
    </w:rPr>
  </w:style>
  <w:style w:type="character" w:customStyle="1" w:styleId="af4">
    <w:name w:val="ВагаВідповіді"/>
    <w:basedOn w:val="a3"/>
    <w:rPr>
      <w:rFonts w:ascii="Times New Roman" w:hAnsi="Times New Roman"/>
      <w:b/>
      <w:color w:val="000000"/>
      <w:spacing w:val="0"/>
      <w:kern w:val="3"/>
      <w:position w:val="0"/>
      <w:sz w:val="20"/>
      <w:szCs w:val="20"/>
      <w:shd w:val="clear" w:color="auto" w:fill="FFFFCC"/>
      <w:vertAlign w:val="baseline"/>
    </w:rPr>
  </w:style>
  <w:style w:type="character" w:customStyle="1" w:styleId="af5">
    <w:name w:val="Пропуск"/>
    <w:basedOn w:val="a3"/>
    <w:rPr>
      <w:rFonts w:ascii="Verdana" w:hAnsi="Verdana"/>
      <w:b/>
      <w:shd w:val="clear" w:color="auto" w:fill="FFFFCC"/>
    </w:rPr>
  </w:style>
  <w:style w:type="paragraph" w:styleId="af6">
    <w:name w:val="Balloon Text"/>
    <w:basedOn w:val="a2"/>
    <w:rPr>
      <w:rFonts w:ascii="Tahoma" w:hAnsi="Tahoma" w:cs="Tahoma"/>
      <w:sz w:val="16"/>
      <w:szCs w:val="16"/>
    </w:rPr>
  </w:style>
  <w:style w:type="character" w:customStyle="1" w:styleId="af7">
    <w:name w:val="Текст выноски Знак"/>
    <w:basedOn w:val="a3"/>
    <w:rPr>
      <w:rFonts w:ascii="Tahoma" w:hAnsi="Tahoma" w:cs="Tahoma"/>
      <w:sz w:val="16"/>
      <w:szCs w:val="16"/>
    </w:rPr>
  </w:style>
  <w:style w:type="paragraph" w:styleId="af8">
    <w:name w:val="List Paragraph"/>
    <w:basedOn w:val="a2"/>
    <w:uiPriority w:val="34"/>
    <w:qFormat/>
    <w:rsid w:val="00881622"/>
    <w:pPr>
      <w:widowControl/>
      <w:suppressAutoHyphens w:val="0"/>
      <w:autoSpaceDN/>
      <w:spacing w:after="200" w:line="276" w:lineRule="auto"/>
      <w:ind w:left="720"/>
      <w:contextualSpacing/>
      <w:textAlignment w:val="auto"/>
    </w:pPr>
    <w:rPr>
      <w:rFonts w:asciiTheme="minorHAnsi" w:eastAsiaTheme="minorHAnsi" w:hAnsiTheme="minorHAnsi" w:cstheme="minorBidi"/>
      <w:kern w:val="0"/>
      <w:sz w:val="22"/>
      <w:szCs w:val="22"/>
      <w:lang w:eastAsia="en-US"/>
    </w:rPr>
  </w:style>
  <w:style w:type="paragraph" w:customStyle="1" w:styleId="af9">
    <w:name w:val="???????????"/>
    <w:basedOn w:val="Standard"/>
    <w:next w:val="a2"/>
    <w:rsid w:val="00AE67DF"/>
    <w:pPr>
      <w:overflowPunct w:val="0"/>
      <w:autoSpaceDE w:val="0"/>
      <w:spacing w:before="240" w:after="120"/>
    </w:pPr>
    <w:rPr>
      <w:rFonts w:ascii="Arial" w:hAnsi="Arial"/>
      <w:b/>
      <w:szCs w:val="20"/>
      <w:lang w:val="en-GB"/>
    </w:rPr>
  </w:style>
  <w:style w:type="paragraph" w:styleId="afa">
    <w:name w:val="Block Text"/>
    <w:basedOn w:val="a2"/>
    <w:rsid w:val="00D22A7D"/>
    <w:pPr>
      <w:widowControl/>
      <w:suppressAutoHyphens w:val="0"/>
      <w:autoSpaceDN/>
      <w:spacing w:line="360" w:lineRule="auto"/>
      <w:ind w:left="340" w:right="57" w:firstLine="720"/>
      <w:jc w:val="both"/>
      <w:textAlignment w:val="auto"/>
    </w:pPr>
    <w:rPr>
      <w:rFonts w:eastAsia="Times New Roman" w:cs="Times New Roman"/>
      <w:color w:val="000000"/>
      <w:kern w:val="0"/>
      <w:sz w:val="28"/>
      <w:lang w:val="uk-UA"/>
    </w:rPr>
  </w:style>
  <w:style w:type="paragraph" w:customStyle="1" w:styleId="1">
    <w:name w:val="Обычный1"/>
    <w:rsid w:val="00D22A7D"/>
    <w:pPr>
      <w:autoSpaceDN/>
      <w:ind w:firstLine="320"/>
      <w:jc w:val="both"/>
      <w:textAlignment w:val="auto"/>
    </w:pPr>
    <w:rPr>
      <w:rFonts w:eastAsia="Times New Roman" w:cs="Times New Roman"/>
      <w:snapToGrid w:val="0"/>
      <w:kern w:val="0"/>
      <w:sz w:val="20"/>
      <w:szCs w:val="20"/>
    </w:rPr>
  </w:style>
  <w:style w:type="numbering" w:customStyle="1" w:styleId="WWOutlineListStyle1">
    <w:name w:val="WW_OutlineListStyle_1"/>
    <w:basedOn w:val="a5"/>
    <w:pPr>
      <w:numPr>
        <w:numId w:val="2"/>
      </w:numPr>
    </w:pPr>
  </w:style>
  <w:style w:type="numbering" w:customStyle="1" w:styleId="WWOutlineListStyle">
    <w:name w:val="WW_OutlineListStyle"/>
    <w:basedOn w:val="a5"/>
    <w:pPr>
      <w:numPr>
        <w:numId w:val="3"/>
      </w:numPr>
    </w:pPr>
  </w:style>
  <w:style w:type="numbering" w:customStyle="1" w:styleId="WW8Num1">
    <w:name w:val="WW8Num1"/>
    <w:basedOn w:val="a5"/>
    <w:pPr>
      <w:numPr>
        <w:numId w:val="4"/>
      </w:numPr>
    </w:pPr>
  </w:style>
  <w:style w:type="numbering" w:customStyle="1" w:styleId="WW8Num2">
    <w:name w:val="WW8Num2"/>
    <w:basedOn w:val="a5"/>
    <w:pPr>
      <w:numPr>
        <w:numId w:val="5"/>
      </w:numPr>
    </w:pPr>
  </w:style>
  <w:style w:type="numbering" w:customStyle="1" w:styleId="WW8Num3">
    <w:name w:val="WW8Num3"/>
    <w:basedOn w:val="a5"/>
    <w:pPr>
      <w:numPr>
        <w:numId w:val="6"/>
      </w:numPr>
    </w:pPr>
  </w:style>
  <w:style w:type="numbering" w:customStyle="1" w:styleId="WW8Num4">
    <w:name w:val="WW8Num4"/>
    <w:basedOn w:val="a5"/>
    <w:pPr>
      <w:numPr>
        <w:numId w:val="7"/>
      </w:numPr>
    </w:pPr>
  </w:style>
  <w:style w:type="numbering" w:customStyle="1" w:styleId="WW8Num5">
    <w:name w:val="WW8Num5"/>
    <w:basedOn w:val="a5"/>
    <w:pPr>
      <w:numPr>
        <w:numId w:val="8"/>
      </w:numPr>
    </w:pPr>
  </w:style>
  <w:style w:type="numbering" w:customStyle="1" w:styleId="WW8Num6">
    <w:name w:val="WW8Num6"/>
    <w:basedOn w:val="a5"/>
    <w:pPr>
      <w:numPr>
        <w:numId w:val="9"/>
      </w:numPr>
    </w:pPr>
  </w:style>
  <w:style w:type="numbering" w:customStyle="1" w:styleId="WW8Num7">
    <w:name w:val="WW8Num7"/>
    <w:basedOn w:val="a5"/>
    <w:pPr>
      <w:numPr>
        <w:numId w:val="10"/>
      </w:numPr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fontTable" Target="fontTable.xml"/><Relationship Id="rId10" Type="http://schemas.openxmlformats.org/officeDocument/2006/relationships/image" Target="media/image4.png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9</TotalTime>
  <Pages>39</Pages>
  <Words>9956</Words>
  <Characters>56755</Characters>
  <Application>Microsoft Office Word</Application>
  <DocSecurity>0</DocSecurity>
  <Lines>472</Lines>
  <Paragraphs>133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>1</vt:lpstr>
    </vt:vector>
  </TitlesOfParts>
  <Company/>
  <LinksUpToDate>false</LinksUpToDate>
  <CharactersWithSpaces>6657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</dc:title>
  <dc:creator>Sergey</dc:creator>
  <cp:lastModifiedBy>Admin2015</cp:lastModifiedBy>
  <cp:revision>25</cp:revision>
  <cp:lastPrinted>2015-05-04T15:57:00Z</cp:lastPrinted>
  <dcterms:created xsi:type="dcterms:W3CDTF">2016-05-29T18:26:00Z</dcterms:created>
  <dcterms:modified xsi:type="dcterms:W3CDTF">2016-05-29T19:0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Поле 1">
    <vt:lpwstr/>
  </property>
  <property fmtid="{D5CDD505-2E9C-101B-9397-08002B2CF9AE}" pid="3" name="Поле 2">
    <vt:lpwstr/>
  </property>
  <property fmtid="{D5CDD505-2E9C-101B-9397-08002B2CF9AE}" pid="4" name="Поле 3">
    <vt:lpwstr/>
  </property>
  <property fmtid="{D5CDD505-2E9C-101B-9397-08002B2CF9AE}" pid="5" name="Поле 4">
    <vt:lpwstr/>
  </property>
</Properties>
</file>